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ink/ink5.xml" ContentType="application/inkml+xml"/>
  <Override PartName="/ppt/ink/ink6.xml" ContentType="application/inkml+xml"/>
  <Override PartName="/ppt/ink/ink7.xml" ContentType="application/inkml+xml"/>
  <Override PartName="/ppt/ink/ink8.xml" ContentType="application/inkml+xml"/>
  <Override PartName="/ppt/ink/ink9.xml" ContentType="application/inkml+xml"/>
  <Override PartName="/ppt/ink/ink10.xml" ContentType="application/inkml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ink/ink11.xml" ContentType="application/inkml+xml"/>
  <Override PartName="/ppt/ink/ink12.xml" ContentType="application/inkml+xml"/>
  <Override PartName="/ppt/ink/ink13.xml" ContentType="application/inkml+xml"/>
  <Override PartName="/ppt/ink/ink14.xml" ContentType="application/inkml+xml"/>
  <Override PartName="/ppt/ink/ink15.xml" ContentType="application/inkml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ink/ink16.xml" ContentType="application/inkml+xml"/>
  <Override PartName="/ppt/ink/ink17.xml" ContentType="application/inkml+xml"/>
  <Override PartName="/ppt/ink/ink18.xml" ContentType="application/inkml+xml"/>
  <Override PartName="/ppt/ink/ink19.xml" ContentType="application/inkml+xml"/>
  <Override PartName="/ppt/ink/ink20.xml" ContentType="application/inkml+xml"/>
  <Override PartName="/ppt/ink/ink21.xml" ContentType="application/inkml+xml"/>
  <Override PartName="/ppt/ink/ink22.xml" ContentType="application/inkml+xml"/>
  <Override PartName="/ppt/ink/ink23.xml" ContentType="application/inkml+xml"/>
  <Override PartName="/ppt/ink/ink24.xml" ContentType="application/inkml+xml"/>
  <Override PartName="/ppt/ink/ink25.xml" ContentType="application/inkml+xml"/>
  <Override PartName="/ppt/ink/ink26.xml" ContentType="application/inkml+xml"/>
  <Override PartName="/ppt/notesSlides/notesSlide1.xml" ContentType="application/vnd.openxmlformats-officedocument.presentationml.notesSlide+xml"/>
  <Override PartName="/ppt/diagrams/data5.xml" ContentType="application/vnd.openxmlformats-officedocument.drawingml.diagramData+xml"/>
  <Override PartName="/ppt/diagrams/layout5.xml" ContentType="application/vnd.openxmlformats-officedocument.drawingml.diagramLayout+xml"/>
  <Override PartName="/ppt/diagrams/quickStyle5.xml" ContentType="application/vnd.openxmlformats-officedocument.drawingml.diagramStyle+xml"/>
  <Override PartName="/ppt/diagrams/colors5.xml" ContentType="application/vnd.openxmlformats-officedocument.drawingml.diagramColors+xml"/>
  <Override PartName="/ppt/diagrams/drawing5.xml" ContentType="application/vnd.ms-office.drawingml.diagramDrawing+xml"/>
  <Override PartName="/ppt/notesSlides/notesSlide2.xml" ContentType="application/vnd.openxmlformats-officedocument.presentationml.notesSlide+xml"/>
  <Override PartName="/ppt/ink/ink27.xml" ContentType="application/inkml+xml"/>
  <Override PartName="/ppt/ink/ink28.xml" ContentType="application/inkml+xml"/>
  <Override PartName="/ppt/ink/ink29.xml" ContentType="application/inkml+xml"/>
  <Override PartName="/ppt/ink/ink30.xml" ContentType="application/inkml+xml"/>
  <Override PartName="/ppt/ink/ink31.xml" ContentType="application/inkml+xml"/>
  <Override PartName="/ppt/ink/ink32.xml" ContentType="application/inkml+xml"/>
  <Override PartName="/ppt/ink/ink33.xml" ContentType="application/inkml+xml"/>
  <Override PartName="/ppt/ink/ink34.xml" ContentType="application/inkml+xml"/>
  <Override PartName="/ppt/ink/ink35.xml" ContentType="application/inkml+xml"/>
  <Override PartName="/ppt/ink/ink36.xml" ContentType="application/inkml+xml"/>
  <Override PartName="/ppt/ink/ink37.xml" ContentType="application/inkml+xml"/>
  <Override PartName="/ppt/ink/ink38.xml" ContentType="application/inkml+xml"/>
  <Override PartName="/ppt/ink/ink39.xml" ContentType="application/inkml+xml"/>
  <Override PartName="/ppt/ink/ink40.xml" ContentType="application/inkml+xml"/>
  <Override PartName="/ppt/ink/ink41.xml" ContentType="application/inkml+xml"/>
  <Override PartName="/ppt/ink/ink42.xml" ContentType="application/inkml+xml"/>
  <Override PartName="/ppt/ink/ink43.xml" ContentType="application/inkml+xml"/>
  <Override PartName="/ppt/ink/ink44.xml" ContentType="application/inkml+xml"/>
  <Override PartName="/ppt/ink/ink45.xml" ContentType="application/inkml+xml"/>
  <Override PartName="/ppt/ink/ink46.xml" ContentType="application/inkml+xml"/>
  <Override PartName="/ppt/ink/ink47.xml" ContentType="application/inkml+xml"/>
  <Override PartName="/ppt/ink/ink48.xml" ContentType="application/inkml+xml"/>
  <Override PartName="/ppt/ink/ink49.xml" ContentType="application/inkml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25"/>
  </p:notesMasterIdLst>
  <p:handoutMasterIdLst>
    <p:handoutMasterId r:id="rId26"/>
  </p:handoutMasterIdLst>
  <p:sldIdLst>
    <p:sldId id="257" r:id="rId13"/>
    <p:sldId id="296" r:id="rId14"/>
    <p:sldId id="291" r:id="rId15"/>
    <p:sldId id="290" r:id="rId16"/>
    <p:sldId id="289" r:id="rId17"/>
    <p:sldId id="288" r:id="rId18"/>
    <p:sldId id="292" r:id="rId19"/>
    <p:sldId id="293" r:id="rId20"/>
    <p:sldId id="294" r:id="rId21"/>
    <p:sldId id="300" r:id="rId22"/>
    <p:sldId id="295" r:id="rId23"/>
    <p:sldId id="286" r:id="rId24"/>
  </p:sldIdLst>
  <p:sldSz cx="12190413" cy="6858000"/>
  <p:notesSz cx="6858000" cy="9144000"/>
  <p:custDataLst>
    <p:tags r:id="rId2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B4F1F649-F22A-5ABB-55C9-655443E952ED}" name="Andreas Franks Nielsen" initials="AFN" userId="Andreas Franks Nielsen" providerId="None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000000"/>
    <a:srgbClr val="FF0000"/>
    <a:srgbClr val="EFE7E7"/>
    <a:srgbClr val="FFFFFF"/>
    <a:srgbClr val="FFCC00"/>
    <a:srgbClr val="FF66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D67DE44-C58E-4A57-8D0C-F809935F85CE}" v="4865" dt="2022-12-18T13:39:11.773"/>
    <p1510:client id="{41B1FB42-3BE1-4CFA-81E7-2D131287D342}" v="193" dt="2022-12-18T14:13:51.622"/>
    <p1510:client id="{49082908-5E66-4BF8-B629-D45FFA8F9CC2}" v="102" dt="2022-12-17T17:26:58.067"/>
    <p1510:client id="{4B2D99CA-22C9-484E-B5AB-B74B773B6952}" v="174" dt="2022-12-18T10:20:47.199"/>
    <p1510:client id="{4E6C6B33-549A-4423-B2BA-81C64DE75CAD}" v="62" dt="2022-12-18T10:24:08.168"/>
    <p1510:client id="{6C182F3A-DE78-4720-B3B5-95169FC131AB}" v="1316" dt="2022-12-18T12:11:42.013"/>
    <p1510:client id="{82A0E516-6F52-47AD-AF4B-C56767C7A93D}" v="40" dt="2022-12-17T21:21:52.089"/>
    <p1510:client id="{CC9C52BF-6D22-483D-98AB-4B10F3B19ACC}" v="10" dt="2022-12-18T08:41:11.537"/>
    <p1510:client id="{E610648A-B2B1-4CAB-AF14-F6962599954C}" v="468" dt="2022-12-18T10:01:37.961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81" d="100"/>
          <a:sy n="81" d="100"/>
        </p:scale>
        <p:origin x="725" y="53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34" Type="http://schemas.microsoft.com/office/2018/10/relationships/authors" Target="author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notesMaster" Target="notesMasters/notesMaster1.xml"/><Relationship Id="rId33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tags" Target="tags/tag1.xml"/><Relationship Id="rId30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Emelie Westall Lundqvist" userId="S::s221956@dtu.dk::3a6c0c6b-4056-4919-93f8-4a249b28df98" providerId="AD" clId="Web-{8B380E68-43FD-8BCB-D1A3-FECB8335EDC8}"/>
    <pc:docChg chg="addSld delSld modSld sldOrd">
      <pc:chgData name="Emelie Westall Lundqvist" userId="S::s221956@dtu.dk::3a6c0c6b-4056-4919-93f8-4a249b28df98" providerId="AD" clId="Web-{8B380E68-43FD-8BCB-D1A3-FECB8335EDC8}" dt="2022-12-17T12:26:21.664" v="1748"/>
      <pc:docMkLst>
        <pc:docMk/>
      </pc:docMkLst>
      <pc:sldChg chg="addSp delSp modSp new mod chgLayout">
        <pc:chgData name="Emelie Westall Lundqvist" userId="S::s221956@dtu.dk::3a6c0c6b-4056-4919-93f8-4a249b28df98" providerId="AD" clId="Web-{8B380E68-43FD-8BCB-D1A3-FECB8335EDC8}" dt="2022-12-17T12:16:22.866" v="1702" actId="20577"/>
        <pc:sldMkLst>
          <pc:docMk/>
          <pc:sldMk cId="2705051400" sldId="288"/>
        </pc:sldMkLst>
        <pc:spChg chg="del mod ord">
          <ac:chgData name="Emelie Westall Lundqvist" userId="S::s221956@dtu.dk::3a6c0c6b-4056-4919-93f8-4a249b28df98" providerId="AD" clId="Web-{8B380E68-43FD-8BCB-D1A3-FECB8335EDC8}" dt="2022-12-17T08:38:19.737" v="17"/>
          <ac:spMkLst>
            <pc:docMk/>
            <pc:sldMk cId="2705051400" sldId="288"/>
            <ac:spMk id="2" creationId="{EAF2AEDE-BE9B-F32B-6FC2-1B29F1F40228}"/>
          </ac:spMkLst>
        </pc:spChg>
        <pc:spChg chg="mod ord">
          <ac:chgData name="Emelie Westall Lundqvist" userId="S::s221956@dtu.dk::3a6c0c6b-4056-4919-93f8-4a249b28df98" providerId="AD" clId="Web-{8B380E68-43FD-8BCB-D1A3-FECB8335EDC8}" dt="2022-12-17T09:39:21.837" v="598" actId="1076"/>
          <ac:spMkLst>
            <pc:docMk/>
            <pc:sldMk cId="2705051400" sldId="288"/>
            <ac:spMk id="3" creationId="{05E819A1-97C4-731E-A2BC-D4383864CCD7}"/>
          </ac:spMkLst>
        </pc:spChg>
        <pc:spChg chg="mod ord">
          <ac:chgData name="Emelie Westall Lundqvist" userId="S::s221956@dtu.dk::3a6c0c6b-4056-4919-93f8-4a249b28df98" providerId="AD" clId="Web-{8B380E68-43FD-8BCB-D1A3-FECB8335EDC8}" dt="2022-12-17T08:37:31.767" v="2"/>
          <ac:spMkLst>
            <pc:docMk/>
            <pc:sldMk cId="2705051400" sldId="288"/>
            <ac:spMk id="4" creationId="{BE724846-05B4-023E-CB82-D5B358117C0E}"/>
          </ac:spMkLst>
        </pc:spChg>
        <pc:spChg chg="add mod ord">
          <ac:chgData name="Emelie Westall Lundqvist" userId="S::s221956@dtu.dk::3a6c0c6b-4056-4919-93f8-4a249b28df98" providerId="AD" clId="Web-{8B380E68-43FD-8BCB-D1A3-FECB8335EDC8}" dt="2022-12-17T11:11:17.804" v="1467" actId="20577"/>
          <ac:spMkLst>
            <pc:docMk/>
            <pc:sldMk cId="2705051400" sldId="288"/>
            <ac:spMk id="8" creationId="{A0265546-106C-15D4-D4DB-57BA0659CC6D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2:16:22.866" v="1702" actId="20577"/>
          <ac:spMkLst>
            <pc:docMk/>
            <pc:sldMk cId="2705051400" sldId="288"/>
            <ac:spMk id="9" creationId="{40EDAFF2-3077-7B6C-D278-92A7793B7068}"/>
          </ac:spMkLst>
        </pc:spChg>
        <pc:spChg chg="add">
          <ac:chgData name="Emelie Westall Lundqvist" userId="S::s221956@dtu.dk::3a6c0c6b-4056-4919-93f8-4a249b28df98" providerId="AD" clId="Web-{8B380E68-43FD-8BCB-D1A3-FECB8335EDC8}" dt="2022-12-17T10:16:26.680" v="902"/>
          <ac:spMkLst>
            <pc:docMk/>
            <pc:sldMk cId="2705051400" sldId="288"/>
            <ac:spMk id="11" creationId="{C0389CB8-02DA-F58C-86A7-5A2554235379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1:05:30.195" v="1328"/>
          <ac:spMkLst>
            <pc:docMk/>
            <pc:sldMk cId="2705051400" sldId="288"/>
            <ac:spMk id="105" creationId="{613D4E03-ADFC-8528-49AC-9B7CC22F4014}"/>
          </ac:spMkLst>
        </pc:spChg>
        <pc:grpChg chg="del">
          <ac:chgData name="Emelie Westall Lundqvist" userId="S::s221956@dtu.dk::3a6c0c6b-4056-4919-93f8-4a249b28df98" providerId="AD" clId="Web-{8B380E68-43FD-8BCB-D1A3-FECB8335EDC8}" dt="2022-12-17T11:05:25.320" v="1327"/>
          <ac:grpSpMkLst>
            <pc:docMk/>
            <pc:sldMk cId="2705051400" sldId="288"/>
            <ac:grpSpMk id="16" creationId="{D6FB8869-48AD-AA5A-576C-75318819A858}"/>
          </ac:grpSpMkLst>
        </pc:grpChg>
        <pc:graphicFrameChg chg="add del">
          <ac:chgData name="Emelie Westall Lundqvist" userId="S::s221956@dtu.dk::3a6c0c6b-4056-4919-93f8-4a249b28df98" providerId="AD" clId="Web-{8B380E68-43FD-8BCB-D1A3-FECB8335EDC8}" dt="2022-12-17T10:48:04.650" v="1155"/>
          <ac:graphicFrameMkLst>
            <pc:docMk/>
            <pc:sldMk cId="2705051400" sldId="288"/>
            <ac:graphicFrameMk id="13" creationId="{868E4BCF-3B8C-99AB-5DE2-AEAB2B292526}"/>
          </ac:graphicFrameMkLst>
        </pc:graphicFrameChg>
        <pc:graphicFrameChg chg="add mod">
          <ac:chgData name="Emelie Westall Lundqvist" userId="S::s221956@dtu.dk::3a6c0c6b-4056-4919-93f8-4a249b28df98" providerId="AD" clId="Web-{8B380E68-43FD-8BCB-D1A3-FECB8335EDC8}" dt="2022-12-17T10:49:07.088" v="1161" actId="1076"/>
          <ac:graphicFrameMkLst>
            <pc:docMk/>
            <pc:sldMk cId="2705051400" sldId="288"/>
            <ac:graphicFrameMk id="27" creationId="{921D893F-A16D-EACC-9FB2-A38E48327A23}"/>
          </ac:graphicFrameMkLst>
        </pc:graphicFrameChg>
        <pc:picChg chg="add del mod ord modCrop">
          <ac:chgData name="Emelie Westall Lundqvist" userId="S::s221956@dtu.dk::3a6c0c6b-4056-4919-93f8-4a249b28df98" providerId="AD" clId="Web-{8B380E68-43FD-8BCB-D1A3-FECB8335EDC8}" dt="2022-12-17T09:39:19.134" v="597" actId="1076"/>
          <ac:picMkLst>
            <pc:docMk/>
            <pc:sldMk cId="2705051400" sldId="288"/>
            <ac:picMk id="5" creationId="{694EBA7E-A005-83D4-823E-A7934E53B66A}"/>
          </ac:picMkLst>
        </pc:picChg>
        <pc:picChg chg="add del mod">
          <ac:chgData name="Emelie Westall Lundqvist" userId="S::s221956@dtu.dk::3a6c0c6b-4056-4919-93f8-4a249b28df98" providerId="AD" clId="Web-{8B380E68-43FD-8BCB-D1A3-FECB8335EDC8}" dt="2022-12-17T09:30:17.870" v="471"/>
          <ac:picMkLst>
            <pc:docMk/>
            <pc:sldMk cId="2705051400" sldId="288"/>
            <ac:picMk id="6" creationId="{E104D40A-DA52-776E-40F3-6060B893923D}"/>
          </ac:picMkLst>
        </pc:picChg>
        <pc:inkChg chg="del">
          <ac:chgData name="Emelie Westall Lundqvist" userId="S::s221956@dtu.dk::3a6c0c6b-4056-4919-93f8-4a249b28df98" providerId="AD" clId="Web-{8B380E68-43FD-8BCB-D1A3-FECB8335EDC8}" dt="2022-12-17T11:05:20.851" v="1325"/>
          <ac:inkMkLst>
            <pc:docMk/>
            <pc:sldMk cId="2705051400" sldId="288"/>
            <ac:inkMk id="18" creationId="{FE4EC0B1-9CE5-5780-55C6-ECBC18B84D5A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11:06:35.211" v="1363"/>
          <ac:inkMkLst>
            <pc:docMk/>
            <pc:sldMk cId="2705051400" sldId="288"/>
            <ac:inkMk id="28" creationId="{3CBF35E1-1F13-CF62-7A6B-D7900EC95E6B}"/>
          </ac:inkMkLst>
        </pc:inkChg>
        <pc:inkChg chg="add">
          <ac:chgData name="Emelie Westall Lundqvist" userId="S::s221956@dtu.dk::3a6c0c6b-4056-4919-93f8-4a249b28df98" providerId="AD" clId="Web-{8B380E68-43FD-8BCB-D1A3-FECB8335EDC8}" dt="2022-12-17T11:06:07.804" v="1344"/>
          <ac:inkMkLst>
            <pc:docMk/>
            <pc:sldMk cId="2705051400" sldId="288"/>
            <ac:inkMk id="110" creationId="{DD061307-26B5-FF1E-C87A-72C41A66B704}"/>
          </ac:inkMkLst>
        </pc:inkChg>
      </pc:sldChg>
      <pc:sldChg chg="addSp delSp modSp new mod ord chgLayout">
        <pc:chgData name="Emelie Westall Lundqvist" userId="S::s221956@dtu.dk::3a6c0c6b-4056-4919-93f8-4a249b28df98" providerId="AD" clId="Web-{8B380E68-43FD-8BCB-D1A3-FECB8335EDC8}" dt="2022-12-17T12:22:19.061" v="1747" actId="20577"/>
        <pc:sldMkLst>
          <pc:docMk/>
          <pc:sldMk cId="369920992" sldId="289"/>
        </pc:sldMkLst>
        <pc:spChg chg="mod ord">
          <ac:chgData name="Emelie Westall Lundqvist" userId="S::s221956@dtu.dk::3a6c0c6b-4056-4919-93f8-4a249b28df98" providerId="AD" clId="Web-{8B380E68-43FD-8BCB-D1A3-FECB8335EDC8}" dt="2022-12-17T10:03:28.303" v="779" actId="1076"/>
          <ac:spMkLst>
            <pc:docMk/>
            <pc:sldMk cId="369920992" sldId="289"/>
            <ac:spMk id="2" creationId="{CE6F3AED-8882-D3C9-550E-F86E596403E0}"/>
          </ac:spMkLst>
        </pc:spChg>
        <pc:spChg chg="mod ord">
          <ac:chgData name="Emelie Westall Lundqvist" userId="S::s221956@dtu.dk::3a6c0c6b-4056-4919-93f8-4a249b28df98" providerId="AD" clId="Web-{8B380E68-43FD-8BCB-D1A3-FECB8335EDC8}" dt="2022-12-17T10:02:42.471" v="769" actId="1076"/>
          <ac:spMkLst>
            <pc:docMk/>
            <pc:sldMk cId="369920992" sldId="289"/>
            <ac:spMk id="3" creationId="{755D2C2B-933D-18D7-D17E-AD12666CC63A}"/>
          </ac:spMkLst>
        </pc:spChg>
        <pc:spChg chg="mod ord">
          <ac:chgData name="Emelie Westall Lundqvist" userId="S::s221956@dtu.dk::3a6c0c6b-4056-4919-93f8-4a249b28df98" providerId="AD" clId="Web-{8B380E68-43FD-8BCB-D1A3-FECB8335EDC8}" dt="2022-12-17T08:39:20.487" v="22"/>
          <ac:spMkLst>
            <pc:docMk/>
            <pc:sldMk cId="369920992" sldId="289"/>
            <ac:spMk id="4" creationId="{CA548398-F598-EB43-FBCF-A10F94ECCC98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09:16:35.761" v="248" actId="20577"/>
          <ac:spMkLst>
            <pc:docMk/>
            <pc:sldMk cId="369920992" sldId="289"/>
            <ac:spMk id="5" creationId="{2BCBF8D0-5E85-EFC0-6DFB-6BDD12848D94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2:22:19.061" v="1747" actId="20577"/>
          <ac:spMkLst>
            <pc:docMk/>
            <pc:sldMk cId="369920992" sldId="289"/>
            <ac:spMk id="10" creationId="{9360C555-4B39-5F64-7D29-B1757BC92148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0:03:26.444" v="777"/>
          <ac:spMkLst>
            <pc:docMk/>
            <pc:sldMk cId="369920992" sldId="289"/>
            <ac:spMk id="11" creationId="{ECFD6026-DDC7-7356-AC27-46E332F3D2F6}"/>
          </ac:spMkLst>
        </pc:spChg>
        <pc:spChg chg="mod ord">
          <ac:chgData name="Emelie Westall Lundqvist" userId="S::s221956@dtu.dk::3a6c0c6b-4056-4919-93f8-4a249b28df98" providerId="AD" clId="Web-{8B380E68-43FD-8BCB-D1A3-FECB8335EDC8}" dt="2022-12-17T11:10:13.195" v="1445" actId="1076"/>
          <ac:spMkLst>
            <pc:docMk/>
            <pc:sldMk cId="369920992" sldId="289"/>
            <ac:spMk id="12" creationId="{35DD6D34-9D6F-7E5E-A5BD-E76B76B4FD90}"/>
          </ac:spMkLst>
        </pc:spChg>
        <pc:spChg chg="add del mod ord">
          <ac:chgData name="Emelie Westall Lundqvist" userId="S::s221956@dtu.dk::3a6c0c6b-4056-4919-93f8-4a249b28df98" providerId="AD" clId="Web-{8B380E68-43FD-8BCB-D1A3-FECB8335EDC8}" dt="2022-12-17T09:28:56.010" v="452"/>
          <ac:spMkLst>
            <pc:docMk/>
            <pc:sldMk cId="369920992" sldId="289"/>
            <ac:spMk id="13" creationId="{11B182BE-C990-C072-6CFF-C11A3BDFF709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0:07:37.522" v="827" actId="1076"/>
          <ac:spMkLst>
            <pc:docMk/>
            <pc:sldMk cId="369920992" sldId="289"/>
            <ac:spMk id="16" creationId="{A3B6FC58-FF76-9CB9-F1B4-AB93BE21AE14}"/>
          </ac:spMkLst>
        </pc:spChg>
        <pc:spChg chg="add del">
          <ac:chgData name="Emelie Westall Lundqvist" userId="S::s221956@dtu.dk::3a6c0c6b-4056-4919-93f8-4a249b28df98" providerId="AD" clId="Web-{8B380E68-43FD-8BCB-D1A3-FECB8335EDC8}" dt="2022-12-17T10:06:15.053" v="794"/>
          <ac:spMkLst>
            <pc:docMk/>
            <pc:sldMk cId="369920992" sldId="289"/>
            <ac:spMk id="17" creationId="{D8588654-B4B0-7AEC-2BE8-CF06C93E5E72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0:07:37.537" v="828" actId="1076"/>
          <ac:spMkLst>
            <pc:docMk/>
            <pc:sldMk cId="369920992" sldId="289"/>
            <ac:spMk id="18" creationId="{3B982D0C-32DB-8C89-9231-8694CDAA5D89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0:09:24.178" v="865" actId="20577"/>
          <ac:spMkLst>
            <pc:docMk/>
            <pc:sldMk cId="369920992" sldId="289"/>
            <ac:spMk id="19" creationId="{54A56871-9B96-F2F8-A90E-5E36D2C2DA63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0:09:25.272" v="866" actId="20577"/>
          <ac:spMkLst>
            <pc:docMk/>
            <pc:sldMk cId="369920992" sldId="289"/>
            <ac:spMk id="20" creationId="{12598249-373C-5376-E1BA-A41FDE9CE2A8}"/>
          </ac:spMkLst>
        </pc:spChg>
        <pc:spChg chg="mod ord">
          <ac:chgData name="Emelie Westall Lundqvist" userId="S::s221956@dtu.dk::3a6c0c6b-4056-4919-93f8-4a249b28df98" providerId="AD" clId="Web-{8B380E68-43FD-8BCB-D1A3-FECB8335EDC8}" dt="2022-12-17T11:09:44.179" v="1439"/>
          <ac:spMkLst>
            <pc:docMk/>
            <pc:sldMk cId="369920992" sldId="289"/>
            <ac:spMk id="21" creationId="{402550DC-AFB0-03A8-10BA-8A533B8A354E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0:23:14.857" v="1088"/>
          <ac:spMkLst>
            <pc:docMk/>
            <pc:sldMk cId="369920992" sldId="289"/>
            <ac:spMk id="22" creationId="{A6F76EF2-05FB-1C54-2A1C-E6E2F4396F36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1:01:06.899" v="1263"/>
          <ac:spMkLst>
            <pc:docMk/>
            <pc:sldMk cId="369920992" sldId="289"/>
            <ac:spMk id="137" creationId="{623C9142-9E6E-9BF9-36E9-78DC987596EE}"/>
          </ac:spMkLst>
        </pc:spChg>
        <pc:spChg chg="add del">
          <ac:chgData name="Emelie Westall Lundqvist" userId="S::s221956@dtu.dk::3a6c0c6b-4056-4919-93f8-4a249b28df98" providerId="AD" clId="Web-{8B380E68-43FD-8BCB-D1A3-FECB8335EDC8}" dt="2022-12-17T11:01:19.368" v="1265"/>
          <ac:spMkLst>
            <pc:docMk/>
            <pc:sldMk cId="369920992" sldId="289"/>
            <ac:spMk id="144" creationId="{C05981D9-27C9-586E-A70E-7131F7ECB30A}"/>
          </ac:spMkLst>
        </pc:spChg>
        <pc:spChg chg="add del">
          <ac:chgData name="Emelie Westall Lundqvist" userId="S::s221956@dtu.dk::3a6c0c6b-4056-4919-93f8-4a249b28df98" providerId="AD" clId="Web-{8B380E68-43FD-8BCB-D1A3-FECB8335EDC8}" dt="2022-12-17T11:01:23.899" v="1267"/>
          <ac:spMkLst>
            <pc:docMk/>
            <pc:sldMk cId="369920992" sldId="289"/>
            <ac:spMk id="145" creationId="{7152C02F-412C-C4BC-FF83-A95C4E6BAA6F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1:01:34.008" v="1271" actId="20577"/>
          <ac:spMkLst>
            <pc:docMk/>
            <pc:sldMk cId="369920992" sldId="289"/>
            <ac:spMk id="146" creationId="{16CF5374-F4AE-BA9E-839B-307C5661BBC7}"/>
          </ac:spMkLst>
        </pc:spChg>
        <pc:spChg chg="add del">
          <ac:chgData name="Emelie Westall Lundqvist" userId="S::s221956@dtu.dk::3a6c0c6b-4056-4919-93f8-4a249b28df98" providerId="AD" clId="Web-{8B380E68-43FD-8BCB-D1A3-FECB8335EDC8}" dt="2022-12-17T11:01:42.258" v="1273"/>
          <ac:spMkLst>
            <pc:docMk/>
            <pc:sldMk cId="369920992" sldId="289"/>
            <ac:spMk id="147" creationId="{DC22A1F2-D301-9648-2035-21364EC4C785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1:02:58.258" v="1295"/>
          <ac:spMkLst>
            <pc:docMk/>
            <pc:sldMk cId="369920992" sldId="289"/>
            <ac:spMk id="148" creationId="{5F7556A6-469B-C2DB-51ED-D4F79CE4E1A4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1:04:32.492" v="1310"/>
          <ac:spMkLst>
            <pc:docMk/>
            <pc:sldMk cId="369920992" sldId="289"/>
            <ac:spMk id="149" creationId="{FC17A44E-5EF7-8CC8-261C-7364FAF09C8E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1:05:34.555" v="1329"/>
          <ac:spMkLst>
            <pc:docMk/>
            <pc:sldMk cId="369920992" sldId="289"/>
            <ac:spMk id="154" creationId="{A040F207-B6DD-EECA-A6C4-6A44D1ECDFD3}"/>
          </ac:spMkLst>
        </pc:spChg>
        <pc:spChg chg="add">
          <ac:chgData name="Emelie Westall Lundqvist" userId="S::s221956@dtu.dk::3a6c0c6b-4056-4919-93f8-4a249b28df98" providerId="AD" clId="Web-{8B380E68-43FD-8BCB-D1A3-FECB8335EDC8}" dt="2022-12-17T11:05:45.258" v="1331"/>
          <ac:spMkLst>
            <pc:docMk/>
            <pc:sldMk cId="369920992" sldId="289"/>
            <ac:spMk id="155" creationId="{559730D3-B7B1-C01A-59FB-7FF9DF8D21C8}"/>
          </ac:spMkLst>
        </pc:spChg>
        <pc:spChg chg="add del">
          <ac:chgData name="Emelie Westall Lundqvist" userId="S::s221956@dtu.dk::3a6c0c6b-4056-4919-93f8-4a249b28df98" providerId="AD" clId="Web-{8B380E68-43FD-8BCB-D1A3-FECB8335EDC8}" dt="2022-12-17T11:05:52.711" v="1341"/>
          <ac:spMkLst>
            <pc:docMk/>
            <pc:sldMk cId="369920992" sldId="289"/>
            <ac:spMk id="156" creationId="{559730D3-B7B1-C01A-59FB-7FF9DF8D21C8}"/>
          </ac:spMkLst>
        </pc:spChg>
        <pc:spChg chg="add del">
          <ac:chgData name="Emelie Westall Lundqvist" userId="S::s221956@dtu.dk::3a6c0c6b-4056-4919-93f8-4a249b28df98" providerId="AD" clId="Web-{8B380E68-43FD-8BCB-D1A3-FECB8335EDC8}" dt="2022-12-17T11:05:52.164" v="1340"/>
          <ac:spMkLst>
            <pc:docMk/>
            <pc:sldMk cId="369920992" sldId="289"/>
            <ac:spMk id="157" creationId="{559730D3-B7B1-C01A-59FB-7FF9DF8D21C8}"/>
          </ac:spMkLst>
        </pc:spChg>
        <pc:spChg chg="add del">
          <ac:chgData name="Emelie Westall Lundqvist" userId="S::s221956@dtu.dk::3a6c0c6b-4056-4919-93f8-4a249b28df98" providerId="AD" clId="Web-{8B380E68-43FD-8BCB-D1A3-FECB8335EDC8}" dt="2022-12-17T11:05:50.961" v="1339"/>
          <ac:spMkLst>
            <pc:docMk/>
            <pc:sldMk cId="369920992" sldId="289"/>
            <ac:spMk id="158" creationId="{559730D3-B7B1-C01A-59FB-7FF9DF8D21C8}"/>
          </ac:spMkLst>
        </pc:spChg>
        <pc:spChg chg="add del">
          <ac:chgData name="Emelie Westall Lundqvist" userId="S::s221956@dtu.dk::3a6c0c6b-4056-4919-93f8-4a249b28df98" providerId="AD" clId="Web-{8B380E68-43FD-8BCB-D1A3-FECB8335EDC8}" dt="2022-12-17T11:05:50.273" v="1338"/>
          <ac:spMkLst>
            <pc:docMk/>
            <pc:sldMk cId="369920992" sldId="289"/>
            <ac:spMk id="159" creationId="{559730D3-B7B1-C01A-59FB-7FF9DF8D21C8}"/>
          </ac:spMkLst>
        </pc:spChg>
        <pc:spChg chg="add del">
          <ac:chgData name="Emelie Westall Lundqvist" userId="S::s221956@dtu.dk::3a6c0c6b-4056-4919-93f8-4a249b28df98" providerId="AD" clId="Web-{8B380E68-43FD-8BCB-D1A3-FECB8335EDC8}" dt="2022-12-17T11:05:49.117" v="1337"/>
          <ac:spMkLst>
            <pc:docMk/>
            <pc:sldMk cId="369920992" sldId="289"/>
            <ac:spMk id="160" creationId="{559730D3-B7B1-C01A-59FB-7FF9DF8D21C8}"/>
          </ac:spMkLst>
        </pc:spChg>
        <pc:graphicFrameChg chg="mod">
          <ac:chgData name="Emelie Westall Lundqvist" userId="S::s221956@dtu.dk::3a6c0c6b-4056-4919-93f8-4a249b28df98" providerId="AD" clId="Web-{8B380E68-43FD-8BCB-D1A3-FECB8335EDC8}" dt="2022-12-17T10:26:23.012" v="1094" actId="1076"/>
          <ac:graphicFrameMkLst>
            <pc:docMk/>
            <pc:sldMk cId="369920992" sldId="289"/>
            <ac:graphicFrameMk id="23" creationId="{8B5076B4-0E63-F63A-4924-0FB3ABDCA5E1}"/>
          </ac:graphicFrameMkLst>
        </pc:graphicFrameChg>
        <pc:picChg chg="del mod">
          <ac:chgData name="Emelie Westall Lundqvist" userId="S::s221956@dtu.dk::3a6c0c6b-4056-4919-93f8-4a249b28df98" providerId="AD" clId="Web-{8B380E68-43FD-8BCB-D1A3-FECB8335EDC8}" dt="2022-12-17T09:09:45.808" v="126"/>
          <ac:picMkLst>
            <pc:docMk/>
            <pc:sldMk cId="369920992" sldId="289"/>
            <ac:picMk id="6" creationId="{DB0FFDF6-E91B-F245-5027-087746D43206}"/>
          </ac:picMkLst>
        </pc:picChg>
        <pc:picChg chg="add mod">
          <ac:chgData name="Emelie Westall Lundqvist" userId="S::s221956@dtu.dk::3a6c0c6b-4056-4919-93f8-4a249b28df98" providerId="AD" clId="Web-{8B380E68-43FD-8BCB-D1A3-FECB8335EDC8}" dt="2022-12-17T09:10:31.683" v="136" actId="1076"/>
          <ac:picMkLst>
            <pc:docMk/>
            <pc:sldMk cId="369920992" sldId="289"/>
            <ac:picMk id="7" creationId="{3A5A80D0-44B2-9886-BED5-08BCB0ACA9A5}"/>
          </ac:picMkLst>
        </pc:picChg>
        <pc:picChg chg="del mod">
          <ac:chgData name="Emelie Westall Lundqvist" userId="S::s221956@dtu.dk::3a6c0c6b-4056-4919-93f8-4a249b28df98" providerId="AD" clId="Web-{8B380E68-43FD-8BCB-D1A3-FECB8335EDC8}" dt="2022-12-17T09:10:18.433" v="129"/>
          <ac:picMkLst>
            <pc:docMk/>
            <pc:sldMk cId="369920992" sldId="289"/>
            <ac:picMk id="8" creationId="{B87AE016-A248-4E26-C400-7E6C7C448B5C}"/>
          </ac:picMkLst>
        </pc:picChg>
        <pc:picChg chg="add mod">
          <ac:chgData name="Emelie Westall Lundqvist" userId="S::s221956@dtu.dk::3a6c0c6b-4056-4919-93f8-4a249b28df98" providerId="AD" clId="Web-{8B380E68-43FD-8BCB-D1A3-FECB8335EDC8}" dt="2022-12-17T10:02:27.581" v="768" actId="1076"/>
          <ac:picMkLst>
            <pc:docMk/>
            <pc:sldMk cId="369920992" sldId="289"/>
            <ac:picMk id="9" creationId="{44C85B79-4E91-A119-4B1B-5AB064803832}"/>
          </ac:picMkLst>
        </pc:picChg>
        <pc:picChg chg="add del mod modCrop">
          <ac:chgData name="Emelie Westall Lundqvist" userId="S::s221956@dtu.dk::3a6c0c6b-4056-4919-93f8-4a249b28df98" providerId="AD" clId="Web-{8B380E68-43FD-8BCB-D1A3-FECB8335EDC8}" dt="2022-12-17T10:07:37.506" v="825" actId="1076"/>
          <ac:picMkLst>
            <pc:docMk/>
            <pc:sldMk cId="369920992" sldId="289"/>
            <ac:picMk id="14" creationId="{BAEFBC12-21AE-8E6B-CE24-B7B3905790A9}"/>
          </ac:picMkLst>
        </pc:picChg>
        <pc:picChg chg="add mod">
          <ac:chgData name="Emelie Westall Lundqvist" userId="S::s221956@dtu.dk::3a6c0c6b-4056-4919-93f8-4a249b28df98" providerId="AD" clId="Web-{8B380E68-43FD-8BCB-D1A3-FECB8335EDC8}" dt="2022-12-17T10:07:37.522" v="826" actId="1076"/>
          <ac:picMkLst>
            <pc:docMk/>
            <pc:sldMk cId="369920992" sldId="289"/>
            <ac:picMk id="15" creationId="{9625F73F-6C12-2BD6-1BA1-1A02F2F3DE74}"/>
          </ac:picMkLst>
        </pc:picChg>
        <pc:picChg chg="ord">
          <ac:chgData name="Emelie Westall Lundqvist" userId="S::s221956@dtu.dk::3a6c0c6b-4056-4919-93f8-4a249b28df98" providerId="AD" clId="Web-{8B380E68-43FD-8BCB-D1A3-FECB8335EDC8}" dt="2022-12-17T11:09:52.648" v="1441"/>
          <ac:picMkLst>
            <pc:docMk/>
            <pc:sldMk cId="369920992" sldId="289"/>
            <ac:picMk id="25" creationId="{92EF418C-F6F2-576D-EBA1-733B03DAF638}"/>
          </ac:picMkLst>
        </pc:picChg>
        <pc:picChg chg="add del mod">
          <ac:chgData name="Emelie Westall Lundqvist" userId="S::s221956@dtu.dk::3a6c0c6b-4056-4919-93f8-4a249b28df98" providerId="AD" clId="Web-{8B380E68-43FD-8BCB-D1A3-FECB8335EDC8}" dt="2022-12-17T11:00:45.555" v="1257"/>
          <ac:picMkLst>
            <pc:docMk/>
            <pc:sldMk cId="369920992" sldId="289"/>
            <ac:picMk id="131" creationId="{515F3B5A-7A94-0437-1C39-B815712DD535}"/>
          </ac:picMkLst>
        </pc:picChg>
        <pc:inkChg chg="add del">
          <ac:chgData name="Emelie Westall Lundqvist" userId="S::s221956@dtu.dk::3a6c0c6b-4056-4919-93f8-4a249b28df98" providerId="AD" clId="Web-{8B380E68-43FD-8BCB-D1A3-FECB8335EDC8}" dt="2022-12-17T10:59:54.274" v="1252"/>
          <ac:inkMkLst>
            <pc:docMk/>
            <pc:sldMk cId="369920992" sldId="289"/>
            <ac:inkMk id="125" creationId="{64460574-49C6-8F5B-3449-9173F50B5596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11:05:35.680" v="1330"/>
          <ac:inkMkLst>
            <pc:docMk/>
            <pc:sldMk cId="369920992" sldId="289"/>
            <ac:inkMk id="130" creationId="{38BA9FB5-E08B-8631-D8C3-3970A6810CDF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11:00:42.540" v="1256"/>
          <ac:inkMkLst>
            <pc:docMk/>
            <pc:sldMk cId="369920992" sldId="289"/>
            <ac:inkMk id="132" creationId="{9C856823-2F7F-7A13-569A-E030872B6C8A}"/>
          </ac:inkMkLst>
        </pc:inkChg>
        <pc:inkChg chg="add">
          <ac:chgData name="Emelie Westall Lundqvist" userId="S::s221956@dtu.dk::3a6c0c6b-4056-4919-93f8-4a249b28df98" providerId="AD" clId="Web-{8B380E68-43FD-8BCB-D1A3-FECB8335EDC8}" dt="2022-12-17T11:00:56.805" v="1259"/>
          <ac:inkMkLst>
            <pc:docMk/>
            <pc:sldMk cId="369920992" sldId="289"/>
            <ac:inkMk id="138" creationId="{2AACB41D-80FF-6D18-F9E8-B8239E3BE13D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11:00:58.758" v="1261"/>
          <ac:inkMkLst>
            <pc:docMk/>
            <pc:sldMk cId="369920992" sldId="289"/>
            <ac:inkMk id="139" creationId="{61C50806-F4AC-1363-1445-813C07A75815}"/>
          </ac:inkMkLst>
        </pc:inkChg>
        <pc:inkChg chg="add">
          <ac:chgData name="Emelie Westall Lundqvist" userId="S::s221956@dtu.dk::3a6c0c6b-4056-4919-93f8-4a249b28df98" providerId="AD" clId="Web-{8B380E68-43FD-8BCB-D1A3-FECB8335EDC8}" dt="2022-12-17T11:05:57.398" v="1342"/>
          <ac:inkMkLst>
            <pc:docMk/>
            <pc:sldMk cId="369920992" sldId="289"/>
            <ac:inkMk id="181" creationId="{7F4D0D66-8BF8-3E0A-C357-B708EBD1C6A7}"/>
          </ac:inkMkLst>
        </pc:inkChg>
        <pc:inkChg chg="add">
          <ac:chgData name="Emelie Westall Lundqvist" userId="S::s221956@dtu.dk::3a6c0c6b-4056-4919-93f8-4a249b28df98" providerId="AD" clId="Web-{8B380E68-43FD-8BCB-D1A3-FECB8335EDC8}" dt="2022-12-17T11:06:02.508" v="1343"/>
          <ac:inkMkLst>
            <pc:docMk/>
            <pc:sldMk cId="369920992" sldId="289"/>
            <ac:inkMk id="182" creationId="{84DF654D-797F-15A4-32E1-0A327C6D3E0E}"/>
          </ac:inkMkLst>
        </pc:inkChg>
      </pc:sldChg>
      <pc:sldChg chg="addSp delSp modSp">
        <pc:chgData name="Emelie Westall Lundqvist" userId="S::s221956@dtu.dk::3a6c0c6b-4056-4919-93f8-4a249b28df98" providerId="AD" clId="Web-{8B380E68-43FD-8BCB-D1A3-FECB8335EDC8}" dt="2022-12-17T11:51:45.491" v="1589" actId="1076"/>
        <pc:sldMkLst>
          <pc:docMk/>
          <pc:sldMk cId="4263034455" sldId="290"/>
        </pc:sldMkLst>
        <pc:spChg chg="mod">
          <ac:chgData name="Emelie Westall Lundqvist" userId="S::s221956@dtu.dk::3a6c0c6b-4056-4919-93f8-4a249b28df98" providerId="AD" clId="Web-{8B380E68-43FD-8BCB-D1A3-FECB8335EDC8}" dt="2022-12-17T10:16:18.727" v="899" actId="20577"/>
          <ac:spMkLst>
            <pc:docMk/>
            <pc:sldMk cId="4263034455" sldId="290"/>
            <ac:spMk id="8" creationId="{916EA8E2-DC46-4D2B-E433-0A6C9E137A5F}"/>
          </ac:spMkLst>
        </pc:spChg>
        <pc:spChg chg="mod">
          <ac:chgData name="Emelie Westall Lundqvist" userId="S::s221956@dtu.dk::3a6c0c6b-4056-4919-93f8-4a249b28df98" providerId="AD" clId="Web-{8B380E68-43FD-8BCB-D1A3-FECB8335EDC8}" dt="2022-12-17T11:13:46.991" v="1524" actId="20577"/>
          <ac:spMkLst>
            <pc:docMk/>
            <pc:sldMk cId="4263034455" sldId="290"/>
            <ac:spMk id="9" creationId="{704D86F0-450B-535B-A51E-035678B14E5A}"/>
          </ac:spMkLst>
        </pc:spChg>
        <pc:spChg chg="add del ord">
          <ac:chgData name="Emelie Westall Lundqvist" userId="S::s221956@dtu.dk::3a6c0c6b-4056-4919-93f8-4a249b28df98" providerId="AD" clId="Web-{8B380E68-43FD-8BCB-D1A3-FECB8335EDC8}" dt="2022-12-17T09:28:49.104" v="446"/>
          <ac:spMkLst>
            <pc:docMk/>
            <pc:sldMk cId="4263034455" sldId="290"/>
            <ac:spMk id="10" creationId="{4EB2C1FD-3463-A0AA-83B1-FC04C75A9FFB}"/>
          </ac:spMkLst>
        </pc:spChg>
        <pc:spChg chg="mod">
          <ac:chgData name="Emelie Westall Lundqvist" userId="S::s221956@dtu.dk::3a6c0c6b-4056-4919-93f8-4a249b28df98" providerId="AD" clId="Web-{8B380E68-43FD-8BCB-D1A3-FECB8335EDC8}" dt="2022-12-17T11:48:43.987" v="1538" actId="20577"/>
          <ac:spMkLst>
            <pc:docMk/>
            <pc:sldMk cId="4263034455" sldId="290"/>
            <ac:spMk id="11" creationId="{07FD29F6-7699-A6CC-63EB-C48699184B04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1:49:11.347" v="1546"/>
          <ac:spMkLst>
            <pc:docMk/>
            <pc:sldMk cId="4263034455" sldId="290"/>
            <ac:spMk id="12" creationId="{5DE5B346-CE68-DF9F-5F4A-1FD7655C56CF}"/>
          </ac:spMkLst>
        </pc:spChg>
        <pc:spChg chg="mod">
          <ac:chgData name="Emelie Westall Lundqvist" userId="S::s221956@dtu.dk::3a6c0c6b-4056-4919-93f8-4a249b28df98" providerId="AD" clId="Web-{8B380E68-43FD-8BCB-D1A3-FECB8335EDC8}" dt="2022-12-17T11:13:44.694" v="1521" actId="1076"/>
          <ac:spMkLst>
            <pc:docMk/>
            <pc:sldMk cId="4263034455" sldId="290"/>
            <ac:spMk id="14" creationId="{6FEDBB0C-91E7-01CD-CC25-9BE7AF27CD33}"/>
          </ac:spMkLst>
        </pc:spChg>
        <pc:spChg chg="mod">
          <ac:chgData name="Emelie Westall Lundqvist" userId="S::s221956@dtu.dk::3a6c0c6b-4056-4919-93f8-4a249b28df98" providerId="AD" clId="Web-{8B380E68-43FD-8BCB-D1A3-FECB8335EDC8}" dt="2022-12-17T11:13:44.694" v="1520" actId="1076"/>
          <ac:spMkLst>
            <pc:docMk/>
            <pc:sldMk cId="4263034455" sldId="290"/>
            <ac:spMk id="15" creationId="{8B3670CD-68E8-0F95-04D4-13DAD8F7F95E}"/>
          </ac:spMkLst>
        </pc:spChg>
        <pc:spChg chg="mod">
          <ac:chgData name="Emelie Westall Lundqvist" userId="S::s221956@dtu.dk::3a6c0c6b-4056-4919-93f8-4a249b28df98" providerId="AD" clId="Web-{8B380E68-43FD-8BCB-D1A3-FECB8335EDC8}" dt="2022-12-17T11:13:44.694" v="1519" actId="1076"/>
          <ac:spMkLst>
            <pc:docMk/>
            <pc:sldMk cId="4263034455" sldId="290"/>
            <ac:spMk id="16" creationId="{C9C4A8D2-0986-473F-38CF-AB18B00CF7C6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1:49:11.347" v="1545"/>
          <ac:spMkLst>
            <pc:docMk/>
            <pc:sldMk cId="4263034455" sldId="290"/>
            <ac:spMk id="18" creationId="{168099B7-7223-D484-FBBA-B729FE5F8938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1:49:11.347" v="1544"/>
          <ac:spMkLst>
            <pc:docMk/>
            <pc:sldMk cId="4263034455" sldId="290"/>
            <ac:spMk id="19" creationId="{DEF0430D-4CBA-77B9-7F87-12B28C7B5798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1:49:15.925" v="1548"/>
          <ac:spMkLst>
            <pc:docMk/>
            <pc:sldMk cId="4263034455" sldId="290"/>
            <ac:spMk id="20" creationId="{882DEB6C-B115-CEF1-EC7C-5D5CA610B99F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11:50:07.895" v="1561"/>
          <ac:spMkLst>
            <pc:docMk/>
            <pc:sldMk cId="4263034455" sldId="290"/>
            <ac:spMk id="21" creationId="{161BCD87-ADA6-C1C8-8F4A-0E3FDCEF66FC}"/>
          </ac:spMkLst>
        </pc:spChg>
        <pc:graphicFrameChg chg="add del">
          <ac:chgData name="Emelie Westall Lundqvist" userId="S::s221956@dtu.dk::3a6c0c6b-4056-4919-93f8-4a249b28df98" providerId="AD" clId="Web-{8B380E68-43FD-8BCB-D1A3-FECB8335EDC8}" dt="2022-12-17T10:26:33.825" v="1096"/>
          <ac:graphicFrameMkLst>
            <pc:docMk/>
            <pc:sldMk cId="4263034455" sldId="290"/>
            <ac:graphicFrameMk id="22" creationId="{C02D061F-0FC5-1F73-F741-79ADB6A62D4D}"/>
          </ac:graphicFrameMkLst>
        </pc:graphicFrameChg>
        <pc:picChg chg="add mod modCrop">
          <ac:chgData name="Emelie Westall Lundqvist" userId="S::s221956@dtu.dk::3a6c0c6b-4056-4919-93f8-4a249b28df98" providerId="AD" clId="Web-{8B380E68-43FD-8BCB-D1A3-FECB8335EDC8}" dt="2022-12-17T11:50:25.145" v="1569" actId="1076"/>
          <ac:picMkLst>
            <pc:docMk/>
            <pc:sldMk cId="4263034455" sldId="290"/>
            <ac:picMk id="2" creationId="{777B95D2-F2E3-8A01-A3EF-6303E8B27F4A}"/>
          </ac:picMkLst>
        </pc:picChg>
        <pc:picChg chg="add mod">
          <ac:chgData name="Emelie Westall Lundqvist" userId="S::s221956@dtu.dk::3a6c0c6b-4056-4919-93f8-4a249b28df98" providerId="AD" clId="Web-{8B380E68-43FD-8BCB-D1A3-FECB8335EDC8}" dt="2022-12-17T11:49:18.597" v="1549" actId="1076"/>
          <ac:picMkLst>
            <pc:docMk/>
            <pc:sldMk cId="4263034455" sldId="290"/>
            <ac:picMk id="3" creationId="{A2F8FA7F-4327-F1DA-8A42-E83640D70E2B}"/>
          </ac:picMkLst>
        </pc:picChg>
        <pc:picChg chg="add mod modCrop">
          <ac:chgData name="Emelie Westall Lundqvist" userId="S::s221956@dtu.dk::3a6c0c6b-4056-4919-93f8-4a249b28df98" providerId="AD" clId="Web-{8B380E68-43FD-8BCB-D1A3-FECB8335EDC8}" dt="2022-12-17T11:51:45.491" v="1588" actId="1076"/>
          <ac:picMkLst>
            <pc:docMk/>
            <pc:sldMk cId="4263034455" sldId="290"/>
            <ac:picMk id="5" creationId="{2FEDF80A-5BA0-2FA1-BB63-85288C5E28B2}"/>
          </ac:picMkLst>
        </pc:picChg>
        <pc:picChg chg="del mod">
          <ac:chgData name="Emelie Westall Lundqvist" userId="S::s221956@dtu.dk::3a6c0c6b-4056-4919-93f8-4a249b28df98" providerId="AD" clId="Web-{8B380E68-43FD-8BCB-D1A3-FECB8335EDC8}" dt="2022-12-17T11:50:03.129" v="1560"/>
          <ac:picMkLst>
            <pc:docMk/>
            <pc:sldMk cId="4263034455" sldId="290"/>
            <ac:picMk id="6" creationId="{5129BBDF-BF08-BD5B-37D4-6B23DEFCBF01}"/>
          </ac:picMkLst>
        </pc:picChg>
        <pc:picChg chg="add mod">
          <ac:chgData name="Emelie Westall Lundqvist" userId="S::s221956@dtu.dk::3a6c0c6b-4056-4919-93f8-4a249b28df98" providerId="AD" clId="Web-{8B380E68-43FD-8BCB-D1A3-FECB8335EDC8}" dt="2022-12-17T11:51:45.491" v="1589" actId="1076"/>
          <ac:picMkLst>
            <pc:docMk/>
            <pc:sldMk cId="4263034455" sldId="290"/>
            <ac:picMk id="10" creationId="{648A849C-A31A-4BE0-4E55-B825C7EAB06C}"/>
          </ac:picMkLst>
        </pc:picChg>
        <pc:picChg chg="add mod modCrop">
          <ac:chgData name="Emelie Westall Lundqvist" userId="S::s221956@dtu.dk::3a6c0c6b-4056-4919-93f8-4a249b28df98" providerId="AD" clId="Web-{8B380E68-43FD-8BCB-D1A3-FECB8335EDC8}" dt="2022-12-17T11:51:16.084" v="1584" actId="1076"/>
          <ac:picMkLst>
            <pc:docMk/>
            <pc:sldMk cId="4263034455" sldId="290"/>
            <ac:picMk id="22" creationId="{73FE26F7-09DA-C527-EFD4-F32DB546D364}"/>
          </ac:picMkLst>
        </pc:picChg>
        <pc:picChg chg="add mod">
          <ac:chgData name="Emelie Westall Lundqvist" userId="S::s221956@dtu.dk::3a6c0c6b-4056-4919-93f8-4a249b28df98" providerId="AD" clId="Web-{8B380E68-43FD-8BCB-D1A3-FECB8335EDC8}" dt="2022-12-17T11:51:32.303" v="1585" actId="1076"/>
          <ac:picMkLst>
            <pc:docMk/>
            <pc:sldMk cId="4263034455" sldId="290"/>
            <ac:picMk id="23" creationId="{646FF2EF-F562-7EF0-6E5E-E194735F6D0A}"/>
          </ac:picMkLst>
        </pc:picChg>
        <pc:cxnChg chg="mod">
          <ac:chgData name="Emelie Westall Lundqvist" userId="S::s221956@dtu.dk::3a6c0c6b-4056-4919-93f8-4a249b28df98" providerId="AD" clId="Web-{8B380E68-43FD-8BCB-D1A3-FECB8335EDC8}" dt="2022-12-17T11:13:44.694" v="1522" actId="1076"/>
          <ac:cxnSpMkLst>
            <pc:docMk/>
            <pc:sldMk cId="4263034455" sldId="290"/>
            <ac:cxnSpMk id="13" creationId="{F575A8B3-C36F-FD52-6E0C-1B4CA5DBBEE6}"/>
          </ac:cxnSpMkLst>
        </pc:cxnChg>
      </pc:sldChg>
      <pc:sldChg chg="addSp delSp modSp new add del ord">
        <pc:chgData name="Emelie Westall Lundqvist" userId="S::s221956@dtu.dk::3a6c0c6b-4056-4919-93f8-4a249b28df98" providerId="AD" clId="Web-{8B380E68-43FD-8BCB-D1A3-FECB8335EDC8}" dt="2022-12-17T11:55:37.011" v="1605" actId="20577"/>
        <pc:sldMkLst>
          <pc:docMk/>
          <pc:sldMk cId="1745362683" sldId="292"/>
        </pc:sldMkLst>
        <pc:spChg chg="del">
          <ac:chgData name="Emelie Westall Lundqvist" userId="S::s221956@dtu.dk::3a6c0c6b-4056-4919-93f8-4a249b28df98" providerId="AD" clId="Web-{8B380E68-43FD-8BCB-D1A3-FECB8335EDC8}" dt="2022-12-17T09:47:21.487" v="623"/>
          <ac:spMkLst>
            <pc:docMk/>
            <pc:sldMk cId="1745362683" sldId="292"/>
            <ac:spMk id="2" creationId="{A0925554-7C78-1CBC-0904-9D55BA846D20}"/>
          </ac:spMkLst>
        </pc:spChg>
        <pc:spChg chg="del">
          <ac:chgData name="Emelie Westall Lundqvist" userId="S::s221956@dtu.dk::3a6c0c6b-4056-4919-93f8-4a249b28df98" providerId="AD" clId="Web-{8B380E68-43FD-8BCB-D1A3-FECB8335EDC8}" dt="2022-12-17T09:45:27.278" v="603"/>
          <ac:spMkLst>
            <pc:docMk/>
            <pc:sldMk cId="1745362683" sldId="292"/>
            <ac:spMk id="3" creationId="{18DA5059-D72D-434C-1D1B-27336E59D6DC}"/>
          </ac:spMkLst>
        </pc:spChg>
        <pc:spChg chg="add del mod">
          <ac:chgData name="Emelie Westall Lundqvist" userId="S::s221956@dtu.dk::3a6c0c6b-4056-4919-93f8-4a249b28df98" providerId="AD" clId="Web-{8B380E68-43FD-8BCB-D1A3-FECB8335EDC8}" dt="2022-12-17T09:49:32.956" v="657"/>
          <ac:spMkLst>
            <pc:docMk/>
            <pc:sldMk cId="1745362683" sldId="292"/>
            <ac:spMk id="13" creationId="{C99ECE66-033F-0F25-10DE-F2BECEAB0601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0:57:29.602" v="1235" actId="1076"/>
          <ac:spMkLst>
            <pc:docMk/>
            <pc:sldMk cId="1745362683" sldId="292"/>
            <ac:spMk id="17" creationId="{AB250E11-EC1A-FCD0-D9C3-773739EFAE80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0:57:29.618" v="1236" actId="1076"/>
          <ac:spMkLst>
            <pc:docMk/>
            <pc:sldMk cId="1745362683" sldId="292"/>
            <ac:spMk id="22" creationId="{9F6CFEBB-D8B1-1200-9496-29D824DDB1DD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0:19:13.295" v="1010" actId="20577"/>
          <ac:spMkLst>
            <pc:docMk/>
            <pc:sldMk cId="1745362683" sldId="292"/>
            <ac:spMk id="23" creationId="{67AA805C-F32F-F0A4-700F-E2B3FA3D6976}"/>
          </ac:spMkLst>
        </pc:spChg>
        <pc:spChg chg="del">
          <ac:chgData name="Emelie Westall Lundqvist" userId="S::s221956@dtu.dk::3a6c0c6b-4056-4919-93f8-4a249b28df98" providerId="AD" clId="Web-{8B380E68-43FD-8BCB-D1A3-FECB8335EDC8}" dt="2022-12-17T10:57:44.743" v="1240"/>
          <ac:spMkLst>
            <pc:docMk/>
            <pc:sldMk cId="1745362683" sldId="292"/>
            <ac:spMk id="26" creationId="{C7D5446A-3CE9-F7B5-1F78-EA08B2C79273}"/>
          </ac:spMkLst>
        </pc:spChg>
        <pc:spChg chg="mod">
          <ac:chgData name="Emelie Westall Lundqvist" userId="S::s221956@dtu.dk::3a6c0c6b-4056-4919-93f8-4a249b28df98" providerId="AD" clId="Web-{8B380E68-43FD-8BCB-D1A3-FECB8335EDC8}" dt="2022-12-17T11:55:37.011" v="1605" actId="20577"/>
          <ac:spMkLst>
            <pc:docMk/>
            <pc:sldMk cId="1745362683" sldId="292"/>
            <ac:spMk id="28" creationId="{5804C9A8-CDE3-4B5E-9996-B0CE63175B73}"/>
          </ac:spMkLst>
        </pc:spChg>
        <pc:spChg chg="add">
          <ac:chgData name="Emelie Westall Lundqvist" userId="S::s221956@dtu.dk::3a6c0c6b-4056-4919-93f8-4a249b28df98" providerId="AD" clId="Web-{8B380E68-43FD-8BCB-D1A3-FECB8335EDC8}" dt="2022-12-17T10:46:38.151" v="1139"/>
          <ac:spMkLst>
            <pc:docMk/>
            <pc:sldMk cId="1745362683" sldId="292"/>
            <ac:spMk id="31" creationId="{71A4D98F-ECE6-DC48-3A51-79837539FCAC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0:50:55.572" v="1181" actId="20577"/>
          <ac:spMkLst>
            <pc:docMk/>
            <pc:sldMk cId="1745362683" sldId="292"/>
            <ac:spMk id="45" creationId="{0012CAD7-A5CC-9C2C-2EE1-237BB14CE40E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1:07:37.382" v="1380" actId="20577"/>
          <ac:spMkLst>
            <pc:docMk/>
            <pc:sldMk cId="1745362683" sldId="292"/>
            <ac:spMk id="74" creationId="{D6FAEEE8-27C6-EA20-4FE7-6DC6E7275220}"/>
          </ac:spMkLst>
        </pc:spChg>
        <pc:spChg chg="add ord">
          <ac:chgData name="Emelie Westall Lundqvist" userId="S::s221956@dtu.dk::3a6c0c6b-4056-4919-93f8-4a249b28df98" providerId="AD" clId="Web-{8B380E68-43FD-8BCB-D1A3-FECB8335EDC8}" dt="2022-12-17T11:10:21.195" v="1447"/>
          <ac:spMkLst>
            <pc:docMk/>
            <pc:sldMk cId="1745362683" sldId="292"/>
            <ac:spMk id="115" creationId="{3A23F904-BC60-E3ED-A568-32BA5476CD5C}"/>
          </ac:spMkLst>
        </pc:spChg>
        <pc:graphicFrameChg chg="add">
          <ac:chgData name="Emelie Westall Lundqvist" userId="S::s221956@dtu.dk::3a6c0c6b-4056-4919-93f8-4a249b28df98" providerId="AD" clId="Web-{8B380E68-43FD-8BCB-D1A3-FECB8335EDC8}" dt="2022-12-17T10:46:17.057" v="1135"/>
          <ac:graphicFrameMkLst>
            <pc:docMk/>
            <pc:sldMk cId="1745362683" sldId="292"/>
            <ac:graphicFrameMk id="25" creationId="{3E04E4AD-19ED-20BB-6C19-2B744A36025F}"/>
          </ac:graphicFrameMkLst>
        </pc:graphicFrameChg>
        <pc:picChg chg="add del mod ord modCrop">
          <ac:chgData name="Emelie Westall Lundqvist" userId="S::s221956@dtu.dk::3a6c0c6b-4056-4919-93f8-4a249b28df98" providerId="AD" clId="Web-{8B380E68-43FD-8BCB-D1A3-FECB8335EDC8}" dt="2022-12-17T10:54:47.837" v="1197" actId="14100"/>
          <ac:picMkLst>
            <pc:docMk/>
            <pc:sldMk cId="1745362683" sldId="292"/>
            <ac:picMk id="5" creationId="{7EF677BE-1463-A124-4F9B-175E52525461}"/>
          </ac:picMkLst>
        </pc:picChg>
        <pc:picChg chg="add mod ord modCrop">
          <ac:chgData name="Emelie Westall Lundqvist" userId="S::s221956@dtu.dk::3a6c0c6b-4056-4919-93f8-4a249b28df98" providerId="AD" clId="Web-{8B380E68-43FD-8BCB-D1A3-FECB8335EDC8}" dt="2022-12-17T11:10:35.851" v="1449"/>
          <ac:picMkLst>
            <pc:docMk/>
            <pc:sldMk cId="1745362683" sldId="292"/>
            <ac:picMk id="6" creationId="{2E63BA30-1C97-5497-D018-5AA9C21A6553}"/>
          </ac:picMkLst>
        </pc:picChg>
        <pc:picChg chg="add mod modCrop">
          <ac:chgData name="Emelie Westall Lundqvist" userId="S::s221956@dtu.dk::3a6c0c6b-4056-4919-93f8-4a249b28df98" providerId="AD" clId="Web-{8B380E68-43FD-8BCB-D1A3-FECB8335EDC8}" dt="2022-12-17T10:57:29.587" v="1232" actId="1076"/>
          <ac:picMkLst>
            <pc:docMk/>
            <pc:sldMk cId="1745362683" sldId="292"/>
            <ac:picMk id="7" creationId="{4D822F67-9629-9311-E57E-ECF832E472F4}"/>
          </ac:picMkLst>
        </pc:picChg>
        <pc:picChg chg="add mod ord">
          <ac:chgData name="Emelie Westall Lundqvist" userId="S::s221956@dtu.dk::3a6c0c6b-4056-4919-93f8-4a249b28df98" providerId="AD" clId="Web-{8B380E68-43FD-8BCB-D1A3-FECB8335EDC8}" dt="2022-12-17T10:58:19.587" v="1250" actId="1076"/>
          <ac:picMkLst>
            <pc:docMk/>
            <pc:sldMk cId="1745362683" sldId="292"/>
            <ac:picMk id="11" creationId="{F869809B-04AE-B9A4-1056-A4BC7F909B83}"/>
          </ac:picMkLst>
        </pc:picChg>
        <pc:picChg chg="mod">
          <ac:chgData name="Emelie Westall Lundqvist" userId="S::s221956@dtu.dk::3a6c0c6b-4056-4919-93f8-4a249b28df98" providerId="AD" clId="Web-{8B380E68-43FD-8BCB-D1A3-FECB8335EDC8}" dt="2022-12-17T10:58:10.196" v="1248" actId="1076"/>
          <ac:picMkLst>
            <pc:docMk/>
            <pc:sldMk cId="1745362683" sldId="292"/>
            <ac:picMk id="27" creationId="{99B8DEFC-D21F-9ABF-EEAF-34BADB8C3814}"/>
          </ac:picMkLst>
        </pc:picChg>
        <pc:picChg chg="ord">
          <ac:chgData name="Emelie Westall Lundqvist" userId="S::s221956@dtu.dk::3a6c0c6b-4056-4919-93f8-4a249b28df98" providerId="AD" clId="Web-{8B380E68-43FD-8BCB-D1A3-FECB8335EDC8}" dt="2022-12-17T11:10:26.741" v="1448"/>
          <ac:picMkLst>
            <pc:docMk/>
            <pc:sldMk cId="1745362683" sldId="292"/>
            <ac:picMk id="29" creationId="{EEAC7B23-3147-F6AF-CD1F-863791C2F403}"/>
          </ac:picMkLst>
        </pc:picChg>
        <pc:picChg chg="add del mod">
          <ac:chgData name="Emelie Westall Lundqvist" userId="S::s221956@dtu.dk::3a6c0c6b-4056-4919-93f8-4a249b28df98" providerId="AD" clId="Web-{8B380E68-43FD-8BCB-D1A3-FECB8335EDC8}" dt="2022-12-17T10:55:03.650" v="1200"/>
          <ac:picMkLst>
            <pc:docMk/>
            <pc:sldMk cId="1745362683" sldId="292"/>
            <ac:picMk id="50" creationId="{009EE560-D837-6DA4-01C7-892E4C282F07}"/>
          </ac:picMkLst>
        </pc:picChg>
        <pc:picChg chg="add mod">
          <ac:chgData name="Emelie Westall Lundqvist" userId="S::s221956@dtu.dk::3a6c0c6b-4056-4919-93f8-4a249b28df98" providerId="AD" clId="Web-{8B380E68-43FD-8BCB-D1A3-FECB8335EDC8}" dt="2022-12-17T10:57:29.634" v="1237" actId="1076"/>
          <ac:picMkLst>
            <pc:docMk/>
            <pc:sldMk cId="1745362683" sldId="292"/>
            <ac:picMk id="51" creationId="{DEF1372B-15A1-10DD-51DF-05D50671D0FB}"/>
          </ac:picMkLst>
        </pc:picChg>
        <pc:picChg chg="add mod">
          <ac:chgData name="Emelie Westall Lundqvist" userId="S::s221956@dtu.dk::3a6c0c6b-4056-4919-93f8-4a249b28df98" providerId="AD" clId="Web-{8B380E68-43FD-8BCB-D1A3-FECB8335EDC8}" dt="2022-12-17T10:57:29.634" v="1238" actId="1076"/>
          <ac:picMkLst>
            <pc:docMk/>
            <pc:sldMk cId="1745362683" sldId="292"/>
            <ac:picMk id="52" creationId="{8662FC5A-A7A6-0093-8CCD-417FBAE3D3D5}"/>
          </ac:picMkLst>
        </pc:picChg>
        <pc:inkChg chg="add del">
          <ac:chgData name="Emelie Westall Lundqvist" userId="S::s221956@dtu.dk::3a6c0c6b-4056-4919-93f8-4a249b28df98" providerId="AD" clId="Web-{8B380E68-43FD-8BCB-D1A3-FECB8335EDC8}" dt="2022-12-17T09:51:30.705" v="678"/>
          <ac:inkMkLst>
            <pc:docMk/>
            <pc:sldMk cId="1745362683" sldId="292"/>
            <ac:inkMk id="14" creationId="{4E1F4425-5CF7-2A17-F37F-03FE8304FEFD}"/>
          </ac:inkMkLst>
        </pc:inkChg>
        <pc:inkChg chg="add mod">
          <ac:chgData name="Emelie Westall Lundqvist" userId="S::s221956@dtu.dk::3a6c0c6b-4056-4919-93f8-4a249b28df98" providerId="AD" clId="Web-{8B380E68-43FD-8BCB-D1A3-FECB8335EDC8}" dt="2022-12-17T10:57:29.587" v="1233" actId="1076"/>
          <ac:inkMkLst>
            <pc:docMk/>
            <pc:sldMk cId="1745362683" sldId="292"/>
            <ac:inkMk id="15" creationId="{35019AFC-F3FE-5893-92CA-7782BA97574E}"/>
          </ac:inkMkLst>
        </pc:inkChg>
        <pc:inkChg chg="add mod">
          <ac:chgData name="Emelie Westall Lundqvist" userId="S::s221956@dtu.dk::3a6c0c6b-4056-4919-93f8-4a249b28df98" providerId="AD" clId="Web-{8B380E68-43FD-8BCB-D1A3-FECB8335EDC8}" dt="2022-12-17T11:54:43.088" v="1593" actId="1076"/>
          <ac:inkMkLst>
            <pc:docMk/>
            <pc:sldMk cId="1745362683" sldId="292"/>
            <ac:inkMk id="16" creationId="{CC03BF3E-A14A-5C4A-72DC-E3ED0A1428EB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09:52:12.018" v="694"/>
          <ac:inkMkLst>
            <pc:docMk/>
            <pc:sldMk cId="1745362683" sldId="292"/>
            <ac:inkMk id="19" creationId="{772DCD92-B3E9-49C8-F94F-465E8EAB229D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09:52:08.986" v="691"/>
          <ac:inkMkLst>
            <pc:docMk/>
            <pc:sldMk cId="1745362683" sldId="292"/>
            <ac:inkMk id="20" creationId="{232C7690-3CA5-8B1E-978F-68791B3E9D83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09:52:10.861" v="693"/>
          <ac:inkMkLst>
            <pc:docMk/>
            <pc:sldMk cId="1745362683" sldId="292"/>
            <ac:inkMk id="21" creationId="{53909743-E270-C40F-5289-505D55CB4EB6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11:06:34.304" v="1362"/>
          <ac:inkMkLst>
            <pc:docMk/>
            <pc:sldMk cId="1745362683" sldId="292"/>
            <ac:inkMk id="75" creationId="{280C9797-81C2-9F1E-42E3-7EE4A28C4FF0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11:06:34.289" v="1361"/>
          <ac:inkMkLst>
            <pc:docMk/>
            <pc:sldMk cId="1745362683" sldId="292"/>
            <ac:inkMk id="76" creationId="{EBD10A4D-6F0E-6017-ECA5-BF82D56CB52B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11:06:31.867" v="1360"/>
          <ac:inkMkLst>
            <pc:docMk/>
            <pc:sldMk cId="1745362683" sldId="292"/>
            <ac:inkMk id="77" creationId="{C860CAB0-3FFF-5A53-B08C-2AC03831616E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11:06:31.867" v="1359"/>
          <ac:inkMkLst>
            <pc:docMk/>
            <pc:sldMk cId="1745362683" sldId="292"/>
            <ac:inkMk id="78" creationId="{E746AFFB-ADC9-7E0D-953B-2E7BF5F1E999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11:06:31.867" v="1358"/>
          <ac:inkMkLst>
            <pc:docMk/>
            <pc:sldMk cId="1745362683" sldId="292"/>
            <ac:inkMk id="79" creationId="{B91C42EB-1E4F-3CF3-CD05-8D08FF2CFE0D}"/>
          </ac:inkMkLst>
        </pc:inkChg>
        <pc:inkChg chg="add del">
          <ac:chgData name="Emelie Westall Lundqvist" userId="S::s221956@dtu.dk::3a6c0c6b-4056-4919-93f8-4a249b28df98" providerId="AD" clId="Web-{8B380E68-43FD-8BCB-D1A3-FECB8335EDC8}" dt="2022-12-17T11:06:31.867" v="1357"/>
          <ac:inkMkLst>
            <pc:docMk/>
            <pc:sldMk cId="1745362683" sldId="292"/>
            <ac:inkMk id="80" creationId="{1246B38A-58A4-B0F4-01EA-3F835894951E}"/>
          </ac:inkMkLst>
        </pc:inkChg>
        <pc:inkChg chg="add ord">
          <ac:chgData name="Emelie Westall Lundqvist" userId="S::s221956@dtu.dk::3a6c0c6b-4056-4919-93f8-4a249b28df98" providerId="AD" clId="Web-{8B380E68-43FD-8BCB-D1A3-FECB8335EDC8}" dt="2022-12-17T11:07:04.523" v="1371"/>
          <ac:inkMkLst>
            <pc:docMk/>
            <pc:sldMk cId="1745362683" sldId="292"/>
            <ac:inkMk id="109" creationId="{D59F154B-5E3E-188B-C378-6A5DB0FC31E8}"/>
          </ac:inkMkLst>
        </pc:inkChg>
        <pc:cxnChg chg="add del mod">
          <ac:chgData name="Emelie Westall Lundqvist" userId="S::s221956@dtu.dk::3a6c0c6b-4056-4919-93f8-4a249b28df98" providerId="AD" clId="Web-{8B380E68-43FD-8BCB-D1A3-FECB8335EDC8}" dt="2022-12-17T09:51:21.580" v="676"/>
          <ac:cxnSpMkLst>
            <pc:docMk/>
            <pc:sldMk cId="1745362683" sldId="292"/>
            <ac:cxnSpMk id="8" creationId="{859B43E8-F01C-9A88-CAF3-E1D77BED83B8}"/>
          </ac:cxnSpMkLst>
        </pc:cxnChg>
        <pc:cxnChg chg="add del">
          <ac:chgData name="Emelie Westall Lundqvist" userId="S::s221956@dtu.dk::3a6c0c6b-4056-4919-93f8-4a249b28df98" providerId="AD" clId="Web-{8B380E68-43FD-8BCB-D1A3-FECB8335EDC8}" dt="2022-12-17T09:49:01.893" v="644"/>
          <ac:cxnSpMkLst>
            <pc:docMk/>
            <pc:sldMk cId="1745362683" sldId="292"/>
            <ac:cxnSpMk id="9" creationId="{3D6042C2-CD43-E1E7-7C1C-E3A1F7117EE2}"/>
          </ac:cxnSpMkLst>
        </pc:cxnChg>
        <pc:cxnChg chg="add del mod">
          <ac:chgData name="Emelie Westall Lundqvist" userId="S::s221956@dtu.dk::3a6c0c6b-4056-4919-93f8-4a249b28df98" providerId="AD" clId="Web-{8B380E68-43FD-8BCB-D1A3-FECB8335EDC8}" dt="2022-12-17T09:51:17.658" v="675"/>
          <ac:cxnSpMkLst>
            <pc:docMk/>
            <pc:sldMk cId="1745362683" sldId="292"/>
            <ac:cxnSpMk id="10" creationId="{0E352EBF-7464-8261-357C-871035131DB8}"/>
          </ac:cxnSpMkLst>
        </pc:cxnChg>
        <pc:cxnChg chg="add del">
          <ac:chgData name="Emelie Westall Lundqvist" userId="S::s221956@dtu.dk::3a6c0c6b-4056-4919-93f8-4a249b28df98" providerId="AD" clId="Web-{8B380E68-43FD-8BCB-D1A3-FECB8335EDC8}" dt="2022-12-17T09:52:06.830" v="688"/>
          <ac:cxnSpMkLst>
            <pc:docMk/>
            <pc:sldMk cId="1745362683" sldId="292"/>
            <ac:cxnSpMk id="18" creationId="{81EEA3C9-8C48-6E1E-9DEE-4A17734B06EA}"/>
          </ac:cxnSpMkLst>
        </pc:cxnChg>
      </pc:sldChg>
      <pc:sldChg chg="addSp delSp modSp ord">
        <pc:chgData name="Emelie Westall Lundqvist" userId="S::s221956@dtu.dk::3a6c0c6b-4056-4919-93f8-4a249b28df98" providerId="AD" clId="Web-{8B380E68-43FD-8BCB-D1A3-FECB8335EDC8}" dt="2022-12-17T12:26:21.664" v="1748"/>
        <pc:sldMkLst>
          <pc:docMk/>
          <pc:sldMk cId="1369791146" sldId="293"/>
        </pc:sldMkLst>
        <pc:spChg chg="mod ord">
          <ac:chgData name="Emelie Westall Lundqvist" userId="S::s221956@dtu.dk::3a6c0c6b-4056-4919-93f8-4a249b28df98" providerId="AD" clId="Web-{8B380E68-43FD-8BCB-D1A3-FECB8335EDC8}" dt="2022-12-17T11:11:03.757" v="1454"/>
          <ac:spMkLst>
            <pc:docMk/>
            <pc:sldMk cId="1369791146" sldId="293"/>
            <ac:spMk id="2" creationId="{6E29BAE5-F929-1FA3-CFA6-C98CAADFE670}"/>
          </ac:spMkLst>
        </pc:spChg>
        <pc:spChg chg="mod">
          <ac:chgData name="Emelie Westall Lundqvist" userId="S::s221956@dtu.dk::3a6c0c6b-4056-4919-93f8-4a249b28df98" providerId="AD" clId="Web-{8B380E68-43FD-8BCB-D1A3-FECB8335EDC8}" dt="2022-12-17T12:13:17.518" v="1676" actId="20577"/>
          <ac:spMkLst>
            <pc:docMk/>
            <pc:sldMk cId="1369791146" sldId="293"/>
            <ac:spMk id="3" creationId="{195DEF46-02AE-7144-E639-4708CB9E0178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0:30:32.356" v="1131" actId="20577"/>
          <ac:spMkLst>
            <pc:docMk/>
            <pc:sldMk cId="1369791146" sldId="293"/>
            <ac:spMk id="66" creationId="{91879673-93D6-FDFA-E344-1F8C2BD81E11}"/>
          </ac:spMkLst>
        </pc:spChg>
        <pc:spChg chg="add ord">
          <ac:chgData name="Emelie Westall Lundqvist" userId="S::s221956@dtu.dk::3a6c0c6b-4056-4919-93f8-4a249b28df98" providerId="AD" clId="Web-{8B380E68-43FD-8BCB-D1A3-FECB8335EDC8}" dt="2022-12-17T11:10:45.116" v="1451"/>
          <ac:spMkLst>
            <pc:docMk/>
            <pc:sldMk cId="1369791146" sldId="293"/>
            <ac:spMk id="136" creationId="{E997B21E-5A6A-3CE6-DA83-FA56E90A8B31}"/>
          </ac:spMkLst>
        </pc:spChg>
        <pc:graphicFrameChg chg="add del">
          <ac:chgData name="Emelie Westall Lundqvist" userId="S::s221956@dtu.dk::3a6c0c6b-4056-4919-93f8-4a249b28df98" providerId="AD" clId="Web-{8B380E68-43FD-8BCB-D1A3-FECB8335EDC8}" dt="2022-12-17T10:29:19.215" v="1101"/>
          <ac:graphicFrameMkLst>
            <pc:docMk/>
            <pc:sldMk cId="1369791146" sldId="293"/>
            <ac:graphicFrameMk id="42" creationId="{B14399A5-FA77-3BAE-4E2C-797558FA5D08}"/>
          </ac:graphicFrameMkLst>
        </pc:graphicFrameChg>
        <pc:graphicFrameChg chg="add del">
          <ac:chgData name="Emelie Westall Lundqvist" userId="S::s221956@dtu.dk::3a6c0c6b-4056-4919-93f8-4a249b28df98" providerId="AD" clId="Web-{8B380E68-43FD-8BCB-D1A3-FECB8335EDC8}" dt="2022-12-17T10:29:16.700" v="1100"/>
          <ac:graphicFrameMkLst>
            <pc:docMk/>
            <pc:sldMk cId="1369791146" sldId="293"/>
            <ac:graphicFrameMk id="48" creationId="{735DE9AE-8AC8-064E-53A6-F08A8F2E529E}"/>
          </ac:graphicFrameMkLst>
        </pc:graphicFrameChg>
        <pc:picChg chg="ord">
          <ac:chgData name="Emelie Westall Lundqvist" userId="S::s221956@dtu.dk::3a6c0c6b-4056-4919-93f8-4a249b28df98" providerId="AD" clId="Web-{8B380E68-43FD-8BCB-D1A3-FECB8335EDC8}" dt="2022-12-17T11:10:49.054" v="1452"/>
          <ac:picMkLst>
            <pc:docMk/>
            <pc:sldMk cId="1369791146" sldId="293"/>
            <ac:picMk id="10" creationId="{A5EF8015-95DB-8D8B-02C2-7AA951481AE3}"/>
          </ac:picMkLst>
        </pc:picChg>
        <pc:picChg chg="add mod">
          <ac:chgData name="Emelie Westall Lundqvist" userId="S::s221956@dtu.dk::3a6c0c6b-4056-4919-93f8-4a249b28df98" providerId="AD" clId="Web-{8B380E68-43FD-8BCB-D1A3-FECB8335EDC8}" dt="2022-12-17T12:26:21.664" v="1748"/>
          <ac:picMkLst>
            <pc:docMk/>
            <pc:sldMk cId="1369791146" sldId="293"/>
            <ac:picMk id="97" creationId="{8A6A5692-857F-9AC1-C281-E80177996045}"/>
          </ac:picMkLst>
        </pc:picChg>
      </pc:sldChg>
      <pc:sldChg chg="addSp modSp ord">
        <pc:chgData name="Emelie Westall Lundqvist" userId="S::s221956@dtu.dk::3a6c0c6b-4056-4919-93f8-4a249b28df98" providerId="AD" clId="Web-{8B380E68-43FD-8BCB-D1A3-FECB8335EDC8}" dt="2022-12-17T12:09:54.998" v="1615" actId="1076"/>
        <pc:sldMkLst>
          <pc:docMk/>
          <pc:sldMk cId="1333170057" sldId="294"/>
        </pc:sldMkLst>
        <pc:spChg chg="mod">
          <ac:chgData name="Emelie Westall Lundqvist" userId="S::s221956@dtu.dk::3a6c0c6b-4056-4919-93f8-4a249b28df98" providerId="AD" clId="Web-{8B380E68-43FD-8BCB-D1A3-FECB8335EDC8}" dt="2022-12-17T11:14:42.132" v="1532" actId="20577"/>
          <ac:spMkLst>
            <pc:docMk/>
            <pc:sldMk cId="1333170057" sldId="294"/>
            <ac:spMk id="7" creationId="{73276299-C597-42C3-BB02-93935D7D068C}"/>
          </ac:spMkLst>
        </pc:spChg>
        <pc:spChg chg="add">
          <ac:chgData name="Emelie Westall Lundqvist" userId="S::s221956@dtu.dk::3a6c0c6b-4056-4919-93f8-4a249b28df98" providerId="AD" clId="Web-{8B380E68-43FD-8BCB-D1A3-FECB8335EDC8}" dt="2022-12-17T11:11:28.319" v="1468"/>
          <ac:spMkLst>
            <pc:docMk/>
            <pc:sldMk cId="1333170057" sldId="294"/>
            <ac:spMk id="8" creationId="{DE86686C-4CE7-D940-545A-790F8FA1DC7E}"/>
          </ac:spMkLst>
        </pc:spChg>
        <pc:spChg chg="add">
          <ac:chgData name="Emelie Westall Lundqvist" userId="S::s221956@dtu.dk::3a6c0c6b-4056-4919-93f8-4a249b28df98" providerId="AD" clId="Web-{8B380E68-43FD-8BCB-D1A3-FECB8335EDC8}" dt="2022-12-17T11:11:28.366" v="1470"/>
          <ac:spMkLst>
            <pc:docMk/>
            <pc:sldMk cId="1333170057" sldId="294"/>
            <ac:spMk id="16" creationId="{D7F1E00B-9993-05F1-A76F-361F84DE5C65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1:11:41.351" v="1489" actId="20577"/>
          <ac:spMkLst>
            <pc:docMk/>
            <pc:sldMk cId="1333170057" sldId="294"/>
            <ac:spMk id="18" creationId="{75E76851-AA44-C507-027E-96A0A13F5782}"/>
          </ac:spMkLst>
        </pc:spChg>
        <pc:graphicFrameChg chg="add">
          <ac:chgData name="Emelie Westall Lundqvist" userId="S::s221956@dtu.dk::3a6c0c6b-4056-4919-93f8-4a249b28df98" providerId="AD" clId="Web-{8B380E68-43FD-8BCB-D1A3-FECB8335EDC8}" dt="2022-12-17T11:11:28.351" v="1469"/>
          <ac:graphicFrameMkLst>
            <pc:docMk/>
            <pc:sldMk cId="1333170057" sldId="294"/>
            <ac:graphicFrameMk id="10" creationId="{20E6EE24-2E25-0FC3-996E-4B3CAD438FAA}"/>
          </ac:graphicFrameMkLst>
        </pc:graphicFrameChg>
        <pc:picChg chg="add mod">
          <ac:chgData name="Emelie Westall Lundqvist" userId="S::s221956@dtu.dk::3a6c0c6b-4056-4919-93f8-4a249b28df98" providerId="AD" clId="Web-{8B380E68-43FD-8BCB-D1A3-FECB8335EDC8}" dt="2022-12-17T12:09:47.561" v="1611" actId="1076"/>
          <ac:picMkLst>
            <pc:docMk/>
            <pc:sldMk cId="1333170057" sldId="294"/>
            <ac:picMk id="11" creationId="{7B2CFD9F-0851-F436-A167-8D4F094A4ED6}"/>
          </ac:picMkLst>
        </pc:picChg>
        <pc:picChg chg="add mod">
          <ac:chgData name="Emelie Westall Lundqvist" userId="S::s221956@dtu.dk::3a6c0c6b-4056-4919-93f8-4a249b28df98" providerId="AD" clId="Web-{8B380E68-43FD-8BCB-D1A3-FECB8335EDC8}" dt="2022-12-17T12:09:54.998" v="1615" actId="1076"/>
          <ac:picMkLst>
            <pc:docMk/>
            <pc:sldMk cId="1333170057" sldId="294"/>
            <ac:picMk id="12" creationId="{0114416B-D152-4A43-1771-D0B9A4C5217B}"/>
          </ac:picMkLst>
        </pc:picChg>
      </pc:sldChg>
      <pc:sldChg chg="addSp modSp">
        <pc:chgData name="Emelie Westall Lundqvist" userId="S::s221956@dtu.dk::3a6c0c6b-4056-4919-93f8-4a249b28df98" providerId="AD" clId="Web-{8B380E68-43FD-8BCB-D1A3-FECB8335EDC8}" dt="2022-12-17T11:14:15.569" v="1530" actId="20577"/>
        <pc:sldMkLst>
          <pc:docMk/>
          <pc:sldMk cId="2852552350" sldId="295"/>
        </pc:sldMkLst>
        <pc:spChg chg="add">
          <ac:chgData name="Emelie Westall Lundqvist" userId="S::s221956@dtu.dk::3a6c0c6b-4056-4919-93f8-4a249b28df98" providerId="AD" clId="Web-{8B380E68-43FD-8BCB-D1A3-FECB8335EDC8}" dt="2022-12-17T11:14:09.757" v="1526"/>
          <ac:spMkLst>
            <pc:docMk/>
            <pc:sldMk cId="2852552350" sldId="295"/>
            <ac:spMk id="8" creationId="{3560DC8D-B9EE-8CBB-7BA4-88C4846CB291}"/>
          </ac:spMkLst>
        </pc:spChg>
        <pc:spChg chg="add">
          <ac:chgData name="Emelie Westall Lundqvist" userId="S::s221956@dtu.dk::3a6c0c6b-4056-4919-93f8-4a249b28df98" providerId="AD" clId="Web-{8B380E68-43FD-8BCB-D1A3-FECB8335EDC8}" dt="2022-12-17T11:14:09.804" v="1528"/>
          <ac:spMkLst>
            <pc:docMk/>
            <pc:sldMk cId="2852552350" sldId="295"/>
            <ac:spMk id="16" creationId="{2FB5CC89-B17F-9020-5FD1-95B6B986A69A}"/>
          </ac:spMkLst>
        </pc:spChg>
        <pc:spChg chg="add mod">
          <ac:chgData name="Emelie Westall Lundqvist" userId="S::s221956@dtu.dk::3a6c0c6b-4056-4919-93f8-4a249b28df98" providerId="AD" clId="Web-{8B380E68-43FD-8BCB-D1A3-FECB8335EDC8}" dt="2022-12-17T11:14:15.569" v="1530" actId="20577"/>
          <ac:spMkLst>
            <pc:docMk/>
            <pc:sldMk cId="2852552350" sldId="295"/>
            <ac:spMk id="18" creationId="{5EC1FE75-33B0-662D-0141-EE2748A3DDF4}"/>
          </ac:spMkLst>
        </pc:spChg>
        <pc:graphicFrameChg chg="add">
          <ac:chgData name="Emelie Westall Lundqvist" userId="S::s221956@dtu.dk::3a6c0c6b-4056-4919-93f8-4a249b28df98" providerId="AD" clId="Web-{8B380E68-43FD-8BCB-D1A3-FECB8335EDC8}" dt="2022-12-17T11:14:09.788" v="1527"/>
          <ac:graphicFrameMkLst>
            <pc:docMk/>
            <pc:sldMk cId="2852552350" sldId="295"/>
            <ac:graphicFrameMk id="10" creationId="{7C1EDCD4-0A61-3B16-76BC-D6C3216225FE}"/>
          </ac:graphicFrameMkLst>
        </pc:graphicFrameChg>
      </pc:sldChg>
    </pc:docChg>
  </pc:docChgLst>
  <pc:docChgLst>
    <pc:chgData name="Emelie Westall Lundqvist" userId="S::s221956@dtu.dk::3a6c0c6b-4056-4919-93f8-4a249b28df98" providerId="AD" clId="Web-{82A0E516-6F52-47AD-AF4B-C56767C7A93D}"/>
    <pc:docChg chg="addSld modSld">
      <pc:chgData name="Emelie Westall Lundqvist" userId="S::s221956@dtu.dk::3a6c0c6b-4056-4919-93f8-4a249b28df98" providerId="AD" clId="Web-{82A0E516-6F52-47AD-AF4B-C56767C7A93D}" dt="2022-12-17T21:21:46.589" v="24" actId="20577"/>
      <pc:docMkLst>
        <pc:docMk/>
      </pc:docMkLst>
      <pc:sldChg chg="modSp mod modClrScheme chgLayout">
        <pc:chgData name="Emelie Westall Lundqvist" userId="S::s221956@dtu.dk::3a6c0c6b-4056-4919-93f8-4a249b28df98" providerId="AD" clId="Web-{82A0E516-6F52-47AD-AF4B-C56767C7A93D}" dt="2022-12-17T21:21:37.886" v="16"/>
        <pc:sldMkLst>
          <pc:docMk/>
          <pc:sldMk cId="2425252323" sldId="257"/>
        </pc:sldMkLst>
        <pc:spChg chg="mod ord">
          <ac:chgData name="Emelie Westall Lundqvist" userId="S::s221956@dtu.dk::3a6c0c6b-4056-4919-93f8-4a249b28df98" providerId="AD" clId="Web-{82A0E516-6F52-47AD-AF4B-C56767C7A93D}" dt="2022-12-17T21:21:37.886" v="16"/>
          <ac:spMkLst>
            <pc:docMk/>
            <pc:sldMk cId="2425252323" sldId="257"/>
            <ac:spMk id="2" creationId="{E6DB5006-1173-97E8-43B5-5235D6F6BAC4}"/>
          </ac:spMkLst>
        </pc:spChg>
        <pc:spChg chg="mod ord">
          <ac:chgData name="Emelie Westall Lundqvist" userId="S::s221956@dtu.dk::3a6c0c6b-4056-4919-93f8-4a249b28df98" providerId="AD" clId="Web-{82A0E516-6F52-47AD-AF4B-C56767C7A93D}" dt="2022-12-17T21:21:37.886" v="16"/>
          <ac:spMkLst>
            <pc:docMk/>
            <pc:sldMk cId="2425252323" sldId="257"/>
            <ac:spMk id="3" creationId="{F9C49C08-8DE7-69EE-C40C-39BCDE111687}"/>
          </ac:spMkLst>
        </pc:spChg>
        <pc:spChg chg="mod ord">
          <ac:chgData name="Emelie Westall Lundqvist" userId="S::s221956@dtu.dk::3a6c0c6b-4056-4919-93f8-4a249b28df98" providerId="AD" clId="Web-{82A0E516-6F52-47AD-AF4B-C56767C7A93D}" dt="2022-12-17T21:21:37.886" v="16"/>
          <ac:spMkLst>
            <pc:docMk/>
            <pc:sldMk cId="2425252323" sldId="257"/>
            <ac:spMk id="4" creationId="{1D9012EA-8222-C771-D854-B0D0887B460A}"/>
          </ac:spMkLst>
        </pc:spChg>
      </pc:sldChg>
      <pc:sldChg chg="modSp">
        <pc:chgData name="Emelie Westall Lundqvist" userId="S::s221956@dtu.dk::3a6c0c6b-4056-4919-93f8-4a249b28df98" providerId="AD" clId="Web-{82A0E516-6F52-47AD-AF4B-C56767C7A93D}" dt="2022-12-17T21:20:28.526" v="1" actId="1076"/>
        <pc:sldMkLst>
          <pc:docMk/>
          <pc:sldMk cId="4263034455" sldId="290"/>
        </pc:sldMkLst>
        <pc:spChg chg="mod">
          <ac:chgData name="Emelie Westall Lundqvist" userId="S::s221956@dtu.dk::3a6c0c6b-4056-4919-93f8-4a249b28df98" providerId="AD" clId="Web-{82A0E516-6F52-47AD-AF4B-C56767C7A93D}" dt="2022-12-17T21:20:28.526" v="1" actId="1076"/>
          <ac:spMkLst>
            <pc:docMk/>
            <pc:sldMk cId="4263034455" sldId="290"/>
            <ac:spMk id="14" creationId="{6FEDBB0C-91E7-01CD-CC25-9BE7AF27CD33}"/>
          </ac:spMkLst>
        </pc:spChg>
        <pc:spChg chg="mod">
          <ac:chgData name="Emelie Westall Lundqvist" userId="S::s221956@dtu.dk::3a6c0c6b-4056-4919-93f8-4a249b28df98" providerId="AD" clId="Web-{82A0E516-6F52-47AD-AF4B-C56767C7A93D}" dt="2022-12-17T21:20:25.073" v="0" actId="1076"/>
          <ac:spMkLst>
            <pc:docMk/>
            <pc:sldMk cId="4263034455" sldId="290"/>
            <ac:spMk id="16" creationId="{C9C4A8D2-0986-473F-38CF-AB18B00CF7C6}"/>
          </ac:spMkLst>
        </pc:spChg>
      </pc:sldChg>
      <pc:sldChg chg="delSp modSp">
        <pc:chgData name="Emelie Westall Lundqvist" userId="S::s221956@dtu.dk::3a6c0c6b-4056-4919-93f8-4a249b28df98" providerId="AD" clId="Web-{82A0E516-6F52-47AD-AF4B-C56767C7A93D}" dt="2022-12-17T21:21:23.011" v="14"/>
        <pc:sldMkLst>
          <pc:docMk/>
          <pc:sldMk cId="391854903" sldId="291"/>
        </pc:sldMkLst>
        <pc:spChg chg="mod">
          <ac:chgData name="Emelie Westall Lundqvist" userId="S::s221956@dtu.dk::3a6c0c6b-4056-4919-93f8-4a249b28df98" providerId="AD" clId="Web-{82A0E516-6F52-47AD-AF4B-C56767C7A93D}" dt="2022-12-17T21:21:03.839" v="12" actId="20577"/>
          <ac:spMkLst>
            <pc:docMk/>
            <pc:sldMk cId="391854903" sldId="291"/>
            <ac:spMk id="23" creationId="{43B47BD7-B909-757A-0131-1697527D6EBA}"/>
          </ac:spMkLst>
        </pc:spChg>
        <pc:cxnChg chg="del">
          <ac:chgData name="Emelie Westall Lundqvist" userId="S::s221956@dtu.dk::3a6c0c6b-4056-4919-93f8-4a249b28df98" providerId="AD" clId="Web-{82A0E516-6F52-47AD-AF4B-C56767C7A93D}" dt="2022-12-17T21:21:23.011" v="14"/>
          <ac:cxnSpMkLst>
            <pc:docMk/>
            <pc:sldMk cId="391854903" sldId="291"/>
            <ac:cxnSpMk id="56" creationId="{4568B8D1-6CB4-1D7B-68ED-534D4CC942B5}"/>
          </ac:cxnSpMkLst>
        </pc:cxnChg>
        <pc:cxnChg chg="del">
          <ac:chgData name="Emelie Westall Lundqvist" userId="S::s221956@dtu.dk::3a6c0c6b-4056-4919-93f8-4a249b28df98" providerId="AD" clId="Web-{82A0E516-6F52-47AD-AF4B-C56767C7A93D}" dt="2022-12-17T21:21:21.620" v="13"/>
          <ac:cxnSpMkLst>
            <pc:docMk/>
            <pc:sldMk cId="391854903" sldId="291"/>
            <ac:cxnSpMk id="58" creationId="{6AE9C71C-E1E4-8996-D8A2-6426E39F0BC2}"/>
          </ac:cxnSpMkLst>
        </pc:cxnChg>
      </pc:sldChg>
      <pc:sldChg chg="modSp new">
        <pc:chgData name="Emelie Westall Lundqvist" userId="S::s221956@dtu.dk::3a6c0c6b-4056-4919-93f8-4a249b28df98" providerId="AD" clId="Web-{82A0E516-6F52-47AD-AF4B-C56767C7A93D}" dt="2022-12-17T21:21:46.589" v="24" actId="20577"/>
        <pc:sldMkLst>
          <pc:docMk/>
          <pc:sldMk cId="962141961" sldId="296"/>
        </pc:sldMkLst>
        <pc:spChg chg="mod">
          <ac:chgData name="Emelie Westall Lundqvist" userId="S::s221956@dtu.dk::3a6c0c6b-4056-4919-93f8-4a249b28df98" providerId="AD" clId="Web-{82A0E516-6F52-47AD-AF4B-C56767C7A93D}" dt="2022-12-17T21:21:46.589" v="24" actId="20577"/>
          <ac:spMkLst>
            <pc:docMk/>
            <pc:sldMk cId="962141961" sldId="296"/>
            <ac:spMk id="2" creationId="{27DD0595-6598-76EE-7725-2888EA77B1C4}"/>
          </ac:spMkLst>
        </pc:spChg>
      </pc:sldChg>
    </pc:docChg>
  </pc:docChgLst>
  <pc:docChgLst>
    <pc:chgData name="Emelie Westall Lundqvist" userId="S::s221956@dtu.dk::3a6c0c6b-4056-4919-93f8-4a249b28df98" providerId="AD" clId="Web-{E610648A-B2B1-4CAB-AF14-F6962599954C}"/>
    <pc:docChg chg="modSld sldOrd">
      <pc:chgData name="Emelie Westall Lundqvist" userId="S::s221956@dtu.dk::3a6c0c6b-4056-4919-93f8-4a249b28df98" providerId="AD" clId="Web-{E610648A-B2B1-4CAB-AF14-F6962599954C}" dt="2022-12-18T10:01:37.961" v="331" actId="1076"/>
      <pc:docMkLst>
        <pc:docMk/>
      </pc:docMkLst>
      <pc:sldChg chg="delSp modSp">
        <pc:chgData name="Emelie Westall Lundqvist" userId="S::s221956@dtu.dk::3a6c0c6b-4056-4919-93f8-4a249b28df98" providerId="AD" clId="Web-{E610648A-B2B1-4CAB-AF14-F6962599954C}" dt="2022-12-18T09:58:53.963" v="251" actId="1076"/>
        <pc:sldMkLst>
          <pc:docMk/>
          <pc:sldMk cId="4263034455" sldId="290"/>
        </pc:sldMkLst>
        <pc:spChg chg="mod">
          <ac:chgData name="Emelie Westall Lundqvist" userId="S::s221956@dtu.dk::3a6c0c6b-4056-4919-93f8-4a249b28df98" providerId="AD" clId="Web-{E610648A-B2B1-4CAB-AF14-F6962599954C}" dt="2022-12-18T09:58:53.963" v="251" actId="1076"/>
          <ac:spMkLst>
            <pc:docMk/>
            <pc:sldMk cId="4263034455" sldId="290"/>
            <ac:spMk id="9" creationId="{704D86F0-450B-535B-A51E-035678B14E5A}"/>
          </ac:spMkLst>
        </pc:spChg>
        <pc:cxnChg chg="del">
          <ac:chgData name="Emelie Westall Lundqvist" userId="S::s221956@dtu.dk::3a6c0c6b-4056-4919-93f8-4a249b28df98" providerId="AD" clId="Web-{E610648A-B2B1-4CAB-AF14-F6962599954C}" dt="2022-12-18T09:39:37.962" v="63"/>
          <ac:cxnSpMkLst>
            <pc:docMk/>
            <pc:sldMk cId="4263034455" sldId="290"/>
            <ac:cxnSpMk id="13" creationId="{F575A8B3-C36F-FD52-6E0C-1B4CA5DBBEE6}"/>
          </ac:cxnSpMkLst>
        </pc:cxnChg>
      </pc:sldChg>
      <pc:sldChg chg="ord">
        <pc:chgData name="Emelie Westall Lundqvist" userId="S::s221956@dtu.dk::3a6c0c6b-4056-4919-93f8-4a249b28df98" providerId="AD" clId="Web-{E610648A-B2B1-4CAB-AF14-F6962599954C}" dt="2022-12-18T09:49:09.908" v="140"/>
        <pc:sldMkLst>
          <pc:docMk/>
          <pc:sldMk cId="391854903" sldId="291"/>
        </pc:sldMkLst>
      </pc:sldChg>
      <pc:sldChg chg="addSp delSp modSp">
        <pc:chgData name="Emelie Westall Lundqvist" userId="S::s221956@dtu.dk::3a6c0c6b-4056-4919-93f8-4a249b28df98" providerId="AD" clId="Web-{E610648A-B2B1-4CAB-AF14-F6962599954C}" dt="2022-12-18T10:01:37.961" v="331" actId="1076"/>
        <pc:sldMkLst>
          <pc:docMk/>
          <pc:sldMk cId="962141961" sldId="296"/>
        </pc:sldMkLst>
        <pc:spChg chg="mod">
          <ac:chgData name="Emelie Westall Lundqvist" userId="S::s221956@dtu.dk::3a6c0c6b-4056-4919-93f8-4a249b28df98" providerId="AD" clId="Web-{E610648A-B2B1-4CAB-AF14-F6962599954C}" dt="2022-12-18T09:59:25.557" v="260" actId="14100"/>
          <ac:spMkLst>
            <pc:docMk/>
            <pc:sldMk cId="962141961" sldId="296"/>
            <ac:spMk id="2" creationId="{27DD0595-6598-76EE-7725-2888EA77B1C4}"/>
          </ac:spMkLst>
        </pc:spChg>
        <pc:spChg chg="mod">
          <ac:chgData name="Emelie Westall Lundqvist" userId="S::s221956@dtu.dk::3a6c0c6b-4056-4919-93f8-4a249b28df98" providerId="AD" clId="Web-{E610648A-B2B1-4CAB-AF14-F6962599954C}" dt="2022-12-18T10:01:37.961" v="331" actId="1076"/>
          <ac:spMkLst>
            <pc:docMk/>
            <pc:sldMk cId="962141961" sldId="296"/>
            <ac:spMk id="3" creationId="{AD2E5F3B-0BFC-C597-4562-06E280C3293E}"/>
          </ac:spMkLst>
        </pc:spChg>
        <pc:spChg chg="mod">
          <ac:chgData name="Emelie Westall Lundqvist" userId="S::s221956@dtu.dk::3a6c0c6b-4056-4919-93f8-4a249b28df98" providerId="AD" clId="Web-{E610648A-B2B1-4CAB-AF14-F6962599954C}" dt="2022-12-18T10:01:23.899" v="322" actId="1076"/>
          <ac:spMkLst>
            <pc:docMk/>
            <pc:sldMk cId="962141961" sldId="296"/>
            <ac:spMk id="4" creationId="{F9422302-2C58-E975-F995-0F8EBB04A2AE}"/>
          </ac:spMkLst>
        </pc:spChg>
        <pc:spChg chg="add del mod">
          <ac:chgData name="Emelie Westall Lundqvist" userId="S::s221956@dtu.dk::3a6c0c6b-4056-4919-93f8-4a249b28df98" providerId="AD" clId="Web-{E610648A-B2B1-4CAB-AF14-F6962599954C}" dt="2022-12-18T09:40:42.868" v="78"/>
          <ac:spMkLst>
            <pc:docMk/>
            <pc:sldMk cId="962141961" sldId="296"/>
            <ac:spMk id="7" creationId="{1269E544-9FDC-C0C3-960D-C4894511CFF5}"/>
          </ac:spMkLst>
        </pc:spChg>
        <pc:spChg chg="add mod">
          <ac:chgData name="Emelie Westall Lundqvist" userId="S::s221956@dtu.dk::3a6c0c6b-4056-4919-93f8-4a249b28df98" providerId="AD" clId="Web-{E610648A-B2B1-4CAB-AF14-F6962599954C}" dt="2022-12-18T10:01:23.915" v="323" actId="1076"/>
          <ac:spMkLst>
            <pc:docMk/>
            <pc:sldMk cId="962141961" sldId="296"/>
            <ac:spMk id="9" creationId="{971FF666-07EA-7B67-5B62-73E11E724156}"/>
          </ac:spMkLst>
        </pc:spChg>
        <pc:spChg chg="add ord">
          <ac:chgData name="Emelie Westall Lundqvist" userId="S::s221956@dtu.dk::3a6c0c6b-4056-4919-93f8-4a249b28df98" providerId="AD" clId="Web-{E610648A-B2B1-4CAB-AF14-F6962599954C}" dt="2022-12-18T09:59:08.276" v="254"/>
          <ac:spMkLst>
            <pc:docMk/>
            <pc:sldMk cId="962141961" sldId="296"/>
            <ac:spMk id="23" creationId="{094446C9-A0DE-A632-DA11-4D3DE65EE0EC}"/>
          </ac:spMkLst>
        </pc:spChg>
        <pc:picChg chg="mod">
          <ac:chgData name="Emelie Westall Lundqvist" userId="S::s221956@dtu.dk::3a6c0c6b-4056-4919-93f8-4a249b28df98" providerId="AD" clId="Web-{E610648A-B2B1-4CAB-AF14-F6962599954C}" dt="2022-12-18T09:57:12.058" v="165" actId="1076"/>
          <ac:picMkLst>
            <pc:docMk/>
            <pc:sldMk cId="962141961" sldId="296"/>
            <ac:picMk id="6" creationId="{6900C98F-1203-2FA3-7AD0-418149C20FE2}"/>
          </ac:picMkLst>
        </pc:picChg>
        <pc:picChg chg="add mod">
          <ac:chgData name="Emelie Westall Lundqvist" userId="S::s221956@dtu.dk::3a6c0c6b-4056-4919-93f8-4a249b28df98" providerId="AD" clId="Web-{E610648A-B2B1-4CAB-AF14-F6962599954C}" dt="2022-12-18T10:01:23.946" v="324" actId="1076"/>
          <ac:picMkLst>
            <pc:docMk/>
            <pc:sldMk cId="962141961" sldId="296"/>
            <ac:picMk id="11" creationId="{E68A5097-485A-53AB-5662-D81C1871D606}"/>
          </ac:picMkLst>
        </pc:picChg>
        <pc:picChg chg="add mod">
          <ac:chgData name="Emelie Westall Lundqvist" userId="S::s221956@dtu.dk::3a6c0c6b-4056-4919-93f8-4a249b28df98" providerId="AD" clId="Web-{E610648A-B2B1-4CAB-AF14-F6962599954C}" dt="2022-12-18T10:01:23.961" v="325" actId="1076"/>
          <ac:picMkLst>
            <pc:docMk/>
            <pc:sldMk cId="962141961" sldId="296"/>
            <ac:picMk id="13" creationId="{894506B5-404D-25EA-26AB-2C2C2F8D0693}"/>
          </ac:picMkLst>
        </pc:picChg>
        <pc:picChg chg="add mod">
          <ac:chgData name="Emelie Westall Lundqvist" userId="S::s221956@dtu.dk::3a6c0c6b-4056-4919-93f8-4a249b28df98" providerId="AD" clId="Web-{E610648A-B2B1-4CAB-AF14-F6962599954C}" dt="2022-12-18T10:01:23.977" v="326" actId="1076"/>
          <ac:picMkLst>
            <pc:docMk/>
            <pc:sldMk cId="962141961" sldId="296"/>
            <ac:picMk id="15" creationId="{B32450C9-4FFF-A5B0-3B28-A955AF35BE17}"/>
          </ac:picMkLst>
        </pc:picChg>
        <pc:picChg chg="add mod">
          <ac:chgData name="Emelie Westall Lundqvist" userId="S::s221956@dtu.dk::3a6c0c6b-4056-4919-93f8-4a249b28df98" providerId="AD" clId="Web-{E610648A-B2B1-4CAB-AF14-F6962599954C}" dt="2022-12-18T10:01:23.993" v="327" actId="1076"/>
          <ac:picMkLst>
            <pc:docMk/>
            <pc:sldMk cId="962141961" sldId="296"/>
            <ac:picMk id="17" creationId="{EEEBFCFC-66EB-D9AF-66C5-92907FEFB282}"/>
          </ac:picMkLst>
        </pc:picChg>
        <pc:picChg chg="add mod">
          <ac:chgData name="Emelie Westall Lundqvist" userId="S::s221956@dtu.dk::3a6c0c6b-4056-4919-93f8-4a249b28df98" providerId="AD" clId="Web-{E610648A-B2B1-4CAB-AF14-F6962599954C}" dt="2022-12-18T10:01:24.008" v="328" actId="1076"/>
          <ac:picMkLst>
            <pc:docMk/>
            <pc:sldMk cId="962141961" sldId="296"/>
            <ac:picMk id="19" creationId="{88EB2F34-8227-F11C-7ACA-ADDA1A040D39}"/>
          </ac:picMkLst>
        </pc:picChg>
        <pc:picChg chg="add mod">
          <ac:chgData name="Emelie Westall Lundqvist" userId="S::s221956@dtu.dk::3a6c0c6b-4056-4919-93f8-4a249b28df98" providerId="AD" clId="Web-{E610648A-B2B1-4CAB-AF14-F6962599954C}" dt="2022-12-18T10:01:24.024" v="329" actId="1076"/>
          <ac:picMkLst>
            <pc:docMk/>
            <pc:sldMk cId="962141961" sldId="296"/>
            <ac:picMk id="21" creationId="{DE1D32AF-E36A-8BF7-5B71-CA0BDF1C6DEA}"/>
          </ac:picMkLst>
        </pc:picChg>
      </pc:sldChg>
    </pc:docChg>
  </pc:docChgLst>
  <pc:docChgLst>
    <pc:chgData name="Emelie Westall Lundqvist" userId="S::s221956@dtu.dk::3a6c0c6b-4056-4919-93f8-4a249b28df98" providerId="AD" clId="Web-{BC2F65C4-D359-4377-84B6-2178E323FF73}"/>
    <pc:docChg chg="modSld">
      <pc:chgData name="Emelie Westall Lundqvist" userId="S::s221956@dtu.dk::3a6c0c6b-4056-4919-93f8-4a249b28df98" providerId="AD" clId="Web-{BC2F65C4-D359-4377-84B6-2178E323FF73}" dt="2022-12-18T21:12:38.705" v="0"/>
      <pc:docMkLst>
        <pc:docMk/>
      </pc:docMkLst>
      <pc:sldChg chg="modNotes">
        <pc:chgData name="Emelie Westall Lundqvist" userId="S::s221956@dtu.dk::3a6c0c6b-4056-4919-93f8-4a249b28df98" providerId="AD" clId="Web-{BC2F65C4-D359-4377-84B6-2178E323FF73}" dt="2022-12-18T21:12:38.705" v="0"/>
        <pc:sldMkLst>
          <pc:docMk/>
          <pc:sldMk cId="1333170057" sldId="294"/>
        </pc:sldMkLst>
      </pc:sldChg>
    </pc:docChg>
  </pc:docChgLst>
  <pc:docChgLst>
    <pc:chgData name="Emelie Westall Lundqvist" userId="S::s221956@dtu.dk::3a6c0c6b-4056-4919-93f8-4a249b28df98" providerId="AD" clId="Web-{6C182F3A-DE78-4720-B3B5-95169FC131AB}"/>
    <pc:docChg chg="addSld delSld modSld sldOrd">
      <pc:chgData name="Emelie Westall Lundqvist" userId="S::s221956@dtu.dk::3a6c0c6b-4056-4919-93f8-4a249b28df98" providerId="AD" clId="Web-{6C182F3A-DE78-4720-B3B5-95169FC131AB}" dt="2022-12-18T12:11:42.013" v="907" actId="20577"/>
      <pc:docMkLst>
        <pc:docMk/>
      </pc:docMkLst>
      <pc:sldChg chg="addSp delSp modSp">
        <pc:chgData name="Emelie Westall Lundqvist" userId="S::s221956@dtu.dk::3a6c0c6b-4056-4919-93f8-4a249b28df98" providerId="AD" clId="Web-{6C182F3A-DE78-4720-B3B5-95169FC131AB}" dt="2022-12-18T10:46:08.282" v="71" actId="1076"/>
        <pc:sldMkLst>
          <pc:docMk/>
          <pc:sldMk cId="2705051400" sldId="288"/>
        </pc:sldMkLst>
        <pc:spChg chg="mod">
          <ac:chgData name="Emelie Westall Lundqvist" userId="S::s221956@dtu.dk::3a6c0c6b-4056-4919-93f8-4a249b28df98" providerId="AD" clId="Web-{6C182F3A-DE78-4720-B3B5-95169FC131AB}" dt="2022-12-18T10:40:33.982" v="3" actId="1076"/>
          <ac:spMkLst>
            <pc:docMk/>
            <pc:sldMk cId="2705051400" sldId="288"/>
            <ac:spMk id="3" creationId="{05E819A1-97C4-731E-A2BC-D4383864CCD7}"/>
          </ac:spMkLst>
        </pc:spChg>
        <pc:spChg chg="mod">
          <ac:chgData name="Emelie Westall Lundqvist" userId="S::s221956@dtu.dk::3a6c0c6b-4056-4919-93f8-4a249b28df98" providerId="AD" clId="Web-{6C182F3A-DE78-4720-B3B5-95169FC131AB}" dt="2022-12-18T10:43:17.609" v="20" actId="20577"/>
          <ac:spMkLst>
            <pc:docMk/>
            <pc:sldMk cId="2705051400" sldId="288"/>
            <ac:spMk id="19" creationId="{2B2C9336-0E4F-7EBD-F2CC-F71CE516BF67}"/>
          </ac:spMkLst>
        </pc:spChg>
        <pc:spChg chg="mod">
          <ac:chgData name="Emelie Westall Lundqvist" userId="S::s221956@dtu.dk::3a6c0c6b-4056-4919-93f8-4a249b28df98" providerId="AD" clId="Web-{6C182F3A-DE78-4720-B3B5-95169FC131AB}" dt="2022-12-18T10:43:24.390" v="29" actId="20577"/>
          <ac:spMkLst>
            <pc:docMk/>
            <pc:sldMk cId="2705051400" sldId="288"/>
            <ac:spMk id="20" creationId="{C1178A14-29B6-E9E6-89CE-C69BD44D3286}"/>
          </ac:spMkLst>
        </pc:spChg>
        <pc:spChg chg="mod">
          <ac:chgData name="Emelie Westall Lundqvist" userId="S::s221956@dtu.dk::3a6c0c6b-4056-4919-93f8-4a249b28df98" providerId="AD" clId="Web-{6C182F3A-DE78-4720-B3B5-95169FC131AB}" dt="2022-12-18T10:45:59.845" v="69" actId="1076"/>
          <ac:spMkLst>
            <pc:docMk/>
            <pc:sldMk cId="2705051400" sldId="288"/>
            <ac:spMk id="22" creationId="{E157AB0A-DA57-77AF-F2C0-6EF7278B6DEB}"/>
          </ac:spMkLst>
        </pc:spChg>
        <pc:spChg chg="mod">
          <ac:chgData name="Emelie Westall Lundqvist" userId="S::s221956@dtu.dk::3a6c0c6b-4056-4919-93f8-4a249b28df98" providerId="AD" clId="Web-{6C182F3A-DE78-4720-B3B5-95169FC131AB}" dt="2022-12-18T10:43:34.546" v="40" actId="20577"/>
          <ac:spMkLst>
            <pc:docMk/>
            <pc:sldMk cId="2705051400" sldId="288"/>
            <ac:spMk id="23" creationId="{513A71D2-4141-66E0-622F-29F26BF4A4FD}"/>
          </ac:spMkLst>
        </pc:spChg>
        <pc:picChg chg="mod">
          <ac:chgData name="Emelie Westall Lundqvist" userId="S::s221956@dtu.dk::3a6c0c6b-4056-4919-93f8-4a249b28df98" providerId="AD" clId="Web-{6C182F3A-DE78-4720-B3B5-95169FC131AB}" dt="2022-12-18T10:40:36.060" v="4" actId="1076"/>
          <ac:picMkLst>
            <pc:docMk/>
            <pc:sldMk cId="2705051400" sldId="288"/>
            <ac:picMk id="5" creationId="{694EBA7E-A005-83D4-823E-A7934E53B66A}"/>
          </ac:picMkLst>
        </pc:picChg>
        <pc:picChg chg="add mod">
          <ac:chgData name="Emelie Westall Lundqvist" userId="S::s221956@dtu.dk::3a6c0c6b-4056-4919-93f8-4a249b28df98" providerId="AD" clId="Web-{6C182F3A-DE78-4720-B3B5-95169FC131AB}" dt="2022-12-18T10:45:50.344" v="68" actId="1076"/>
          <ac:picMkLst>
            <pc:docMk/>
            <pc:sldMk cId="2705051400" sldId="288"/>
            <ac:picMk id="21" creationId="{68572223-95C3-8925-B833-E688C7BC8F68}"/>
          </ac:picMkLst>
        </pc:picChg>
        <pc:inkChg chg="add del">
          <ac:chgData name="Emelie Westall Lundqvist" userId="S::s221956@dtu.dk::3a6c0c6b-4056-4919-93f8-4a249b28df98" providerId="AD" clId="Web-{6C182F3A-DE78-4720-B3B5-95169FC131AB}" dt="2022-12-18T10:41:59.889" v="7"/>
          <ac:inkMkLst>
            <pc:docMk/>
            <pc:sldMk cId="2705051400" sldId="288"/>
            <ac:inkMk id="153" creationId="{8009E367-4129-F5E6-CA93-E93590DF3597}"/>
          </ac:inkMkLst>
        </pc:inkChg>
        <pc:inkChg chg="add del">
          <ac:chgData name="Emelie Westall Lundqvist" userId="S::s221956@dtu.dk::3a6c0c6b-4056-4919-93f8-4a249b28df98" providerId="AD" clId="Web-{6C182F3A-DE78-4720-B3B5-95169FC131AB}" dt="2022-12-18T10:42:08.389" v="10"/>
          <ac:inkMkLst>
            <pc:docMk/>
            <pc:sldMk cId="2705051400" sldId="288"/>
            <ac:inkMk id="167" creationId="{68118B14-3C7B-900E-54D6-929962B57800}"/>
          </ac:inkMkLst>
        </pc:inkChg>
        <pc:inkChg chg="add del">
          <ac:chgData name="Emelie Westall Lundqvist" userId="S::s221956@dtu.dk::3a6c0c6b-4056-4919-93f8-4a249b28df98" providerId="AD" clId="Web-{6C182F3A-DE78-4720-B3B5-95169FC131AB}" dt="2022-12-18T10:42:31.061" v="14"/>
          <ac:inkMkLst>
            <pc:docMk/>
            <pc:sldMk cId="2705051400" sldId="288"/>
            <ac:inkMk id="196" creationId="{3C2A61C0-F28B-19E8-ED64-59FB080F361E}"/>
          </ac:inkMkLst>
        </pc:inkChg>
        <pc:inkChg chg="add del">
          <ac:chgData name="Emelie Westall Lundqvist" userId="S::s221956@dtu.dk::3a6c0c6b-4056-4919-93f8-4a249b28df98" providerId="AD" clId="Web-{6C182F3A-DE78-4720-B3B5-95169FC131AB}" dt="2022-12-18T10:42:25.436" v="13"/>
          <ac:inkMkLst>
            <pc:docMk/>
            <pc:sldMk cId="2705051400" sldId="288"/>
            <ac:inkMk id="197" creationId="{C10CEA46-050D-BB19-F77E-F4F7D0048093}"/>
          </ac:inkMkLst>
        </pc:inkChg>
        <pc:cxnChg chg="mod">
          <ac:chgData name="Emelie Westall Lundqvist" userId="S::s221956@dtu.dk::3a6c0c6b-4056-4919-93f8-4a249b28df98" providerId="AD" clId="Web-{6C182F3A-DE78-4720-B3B5-95169FC131AB}" dt="2022-12-18T10:46:08.282" v="71" actId="1076"/>
          <ac:cxnSpMkLst>
            <pc:docMk/>
            <pc:sldMk cId="2705051400" sldId="288"/>
            <ac:cxnSpMk id="30" creationId="{6DDA6FB5-B34D-B80F-7D0D-B255D0E6B1E9}"/>
          </ac:cxnSpMkLst>
        </pc:cxnChg>
        <pc:cxnChg chg="add mod">
          <ac:chgData name="Emelie Westall Lundqvist" userId="S::s221956@dtu.dk::3a6c0c6b-4056-4919-93f8-4a249b28df98" providerId="AD" clId="Web-{6C182F3A-DE78-4720-B3B5-95169FC131AB}" dt="2022-12-18T10:44:03" v="45" actId="1076"/>
          <ac:cxnSpMkLst>
            <pc:docMk/>
            <pc:sldMk cId="2705051400" sldId="288"/>
            <ac:cxnSpMk id="161" creationId="{69872772-FEBA-5DF6-28CD-01FC0A843A7A}"/>
          </ac:cxnSpMkLst>
        </pc:cxnChg>
        <pc:cxnChg chg="add mod">
          <ac:chgData name="Emelie Westall Lundqvist" userId="S::s221956@dtu.dk::3a6c0c6b-4056-4919-93f8-4a249b28df98" providerId="AD" clId="Web-{6C182F3A-DE78-4720-B3B5-95169FC131AB}" dt="2022-12-18T10:43:51.390" v="43" actId="1076"/>
          <ac:cxnSpMkLst>
            <pc:docMk/>
            <pc:sldMk cId="2705051400" sldId="288"/>
            <ac:cxnSpMk id="162" creationId="{61487F47-8897-4A77-CC41-2A6CEC74E99F}"/>
          </ac:cxnSpMkLst>
        </pc:cxnChg>
        <pc:cxnChg chg="add mod">
          <ac:chgData name="Emelie Westall Lundqvist" userId="S::s221956@dtu.dk::3a6c0c6b-4056-4919-93f8-4a249b28df98" providerId="AD" clId="Web-{6C182F3A-DE78-4720-B3B5-95169FC131AB}" dt="2022-12-18T10:44:07.125" v="47" actId="1076"/>
          <ac:cxnSpMkLst>
            <pc:docMk/>
            <pc:sldMk cId="2705051400" sldId="288"/>
            <ac:cxnSpMk id="175" creationId="{380DBF5D-8094-AE86-89D4-A63AE04EB472}"/>
          </ac:cxnSpMkLst>
        </pc:cxnChg>
        <pc:cxnChg chg="add mod">
          <ac:chgData name="Emelie Westall Lundqvist" userId="S::s221956@dtu.dk::3a6c0c6b-4056-4919-93f8-4a249b28df98" providerId="AD" clId="Web-{6C182F3A-DE78-4720-B3B5-95169FC131AB}" dt="2022-12-18T10:44:12.312" v="49" actId="1076"/>
          <ac:cxnSpMkLst>
            <pc:docMk/>
            <pc:sldMk cId="2705051400" sldId="288"/>
            <ac:cxnSpMk id="176" creationId="{CB80B9C4-00A5-34D4-F3C5-E0222BB4324B}"/>
          </ac:cxnSpMkLst>
        </pc:cxnChg>
        <pc:cxnChg chg="add mod">
          <ac:chgData name="Emelie Westall Lundqvist" userId="S::s221956@dtu.dk::3a6c0c6b-4056-4919-93f8-4a249b28df98" providerId="AD" clId="Web-{6C182F3A-DE78-4720-B3B5-95169FC131AB}" dt="2022-12-18T10:44:17.640" v="51" actId="1076"/>
          <ac:cxnSpMkLst>
            <pc:docMk/>
            <pc:sldMk cId="2705051400" sldId="288"/>
            <ac:cxnSpMk id="185" creationId="{6031BC37-C1E5-01A3-AE4B-A608FDFBDA22}"/>
          </ac:cxnSpMkLst>
        </pc:cxnChg>
        <pc:cxnChg chg="add mod">
          <ac:chgData name="Emelie Westall Lundqvist" userId="S::s221956@dtu.dk::3a6c0c6b-4056-4919-93f8-4a249b28df98" providerId="AD" clId="Web-{6C182F3A-DE78-4720-B3B5-95169FC131AB}" dt="2022-12-18T10:44:22.375" v="53" actId="1076"/>
          <ac:cxnSpMkLst>
            <pc:docMk/>
            <pc:sldMk cId="2705051400" sldId="288"/>
            <ac:cxnSpMk id="190" creationId="{DDF1A98A-2612-40C7-B61A-CCECF2FE4B8E}"/>
          </ac:cxnSpMkLst>
        </pc:cxnChg>
        <pc:cxnChg chg="add mod">
          <ac:chgData name="Emelie Westall Lundqvist" userId="S::s221956@dtu.dk::3a6c0c6b-4056-4919-93f8-4a249b28df98" providerId="AD" clId="Web-{6C182F3A-DE78-4720-B3B5-95169FC131AB}" dt="2022-12-18T10:44:31.234" v="56" actId="1076"/>
          <ac:cxnSpMkLst>
            <pc:docMk/>
            <pc:sldMk cId="2705051400" sldId="288"/>
            <ac:cxnSpMk id="200" creationId="{CC0CAFF3-4A6F-9156-9C3D-2074ADC6EAF1}"/>
          </ac:cxnSpMkLst>
        </pc:cxnChg>
        <pc:cxnChg chg="add mod">
          <ac:chgData name="Emelie Westall Lundqvist" userId="S::s221956@dtu.dk::3a6c0c6b-4056-4919-93f8-4a249b28df98" providerId="AD" clId="Web-{6C182F3A-DE78-4720-B3B5-95169FC131AB}" dt="2022-12-18T10:44:36" v="58" actId="1076"/>
          <ac:cxnSpMkLst>
            <pc:docMk/>
            <pc:sldMk cId="2705051400" sldId="288"/>
            <ac:cxnSpMk id="213" creationId="{DD12462C-E845-C745-89EE-19668EAA66EA}"/>
          </ac:cxnSpMkLst>
        </pc:cxnChg>
        <pc:cxnChg chg="add mod">
          <ac:chgData name="Emelie Westall Lundqvist" userId="S::s221956@dtu.dk::3a6c0c6b-4056-4919-93f8-4a249b28df98" providerId="AD" clId="Web-{6C182F3A-DE78-4720-B3B5-95169FC131AB}" dt="2022-12-18T10:45:04.641" v="66" actId="1076"/>
          <ac:cxnSpMkLst>
            <pc:docMk/>
            <pc:sldMk cId="2705051400" sldId="288"/>
            <ac:cxnSpMk id="222" creationId="{DF6AEB03-F6E2-594A-B63C-E75DF58E7E8F}"/>
          </ac:cxnSpMkLst>
        </pc:cxnChg>
        <pc:cxnChg chg="add mod">
          <ac:chgData name="Emelie Westall Lundqvist" userId="S::s221956@dtu.dk::3a6c0c6b-4056-4919-93f8-4a249b28df98" providerId="AD" clId="Web-{6C182F3A-DE78-4720-B3B5-95169FC131AB}" dt="2022-12-18T10:44:48.860" v="62" actId="1076"/>
          <ac:cxnSpMkLst>
            <pc:docMk/>
            <pc:sldMk cId="2705051400" sldId="288"/>
            <ac:cxnSpMk id="231" creationId="{81E4C28E-1ECA-39A0-17CF-6A559D4E91A6}"/>
          </ac:cxnSpMkLst>
        </pc:cxnChg>
      </pc:sldChg>
      <pc:sldChg chg="modSp">
        <pc:chgData name="Emelie Westall Lundqvist" userId="S::s221956@dtu.dk::3a6c0c6b-4056-4919-93f8-4a249b28df98" providerId="AD" clId="Web-{6C182F3A-DE78-4720-B3B5-95169FC131AB}" dt="2022-12-18T11:40:37.397" v="463" actId="20577"/>
        <pc:sldMkLst>
          <pc:docMk/>
          <pc:sldMk cId="1745362683" sldId="292"/>
        </pc:sldMkLst>
        <pc:spChg chg="mod">
          <ac:chgData name="Emelie Westall Lundqvist" userId="S::s221956@dtu.dk::3a6c0c6b-4056-4919-93f8-4a249b28df98" providerId="AD" clId="Web-{6C182F3A-DE78-4720-B3B5-95169FC131AB}" dt="2022-12-18T11:40:37.397" v="463" actId="20577"/>
          <ac:spMkLst>
            <pc:docMk/>
            <pc:sldMk cId="1745362683" sldId="292"/>
            <ac:spMk id="28" creationId="{5804C9A8-CDE3-4B5E-9996-B0CE63175B73}"/>
          </ac:spMkLst>
        </pc:spChg>
        <pc:picChg chg="mod">
          <ac:chgData name="Emelie Westall Lundqvist" userId="S::s221956@dtu.dk::3a6c0c6b-4056-4919-93f8-4a249b28df98" providerId="AD" clId="Web-{6C182F3A-DE78-4720-B3B5-95169FC131AB}" dt="2022-12-18T11:37:06.394" v="384" actId="1076"/>
          <ac:picMkLst>
            <pc:docMk/>
            <pc:sldMk cId="1745362683" sldId="292"/>
            <ac:picMk id="11" creationId="{F869809B-04AE-B9A4-1056-A4BC7F909B83}"/>
          </ac:picMkLst>
        </pc:picChg>
        <pc:picChg chg="mod">
          <ac:chgData name="Emelie Westall Lundqvist" userId="S::s221956@dtu.dk::3a6c0c6b-4056-4919-93f8-4a249b28df98" providerId="AD" clId="Web-{6C182F3A-DE78-4720-B3B5-95169FC131AB}" dt="2022-12-18T11:37:04.113" v="383" actId="1076"/>
          <ac:picMkLst>
            <pc:docMk/>
            <pc:sldMk cId="1745362683" sldId="292"/>
            <ac:picMk id="27" creationId="{99B8DEFC-D21F-9ABF-EEAF-34BADB8C3814}"/>
          </ac:picMkLst>
        </pc:picChg>
      </pc:sldChg>
      <pc:sldChg chg="addSp modSp ord">
        <pc:chgData name="Emelie Westall Lundqvist" userId="S::s221956@dtu.dk::3a6c0c6b-4056-4919-93f8-4a249b28df98" providerId="AD" clId="Web-{6C182F3A-DE78-4720-B3B5-95169FC131AB}" dt="2022-12-18T11:45:30.338" v="509"/>
        <pc:sldMkLst>
          <pc:docMk/>
          <pc:sldMk cId="1369791146" sldId="293"/>
        </pc:sldMkLst>
        <pc:picChg chg="add mod">
          <ac:chgData name="Emelie Westall Lundqvist" userId="S::s221956@dtu.dk::3a6c0c6b-4056-4919-93f8-4a249b28df98" providerId="AD" clId="Web-{6C182F3A-DE78-4720-B3B5-95169FC131AB}" dt="2022-12-18T11:28:00.574" v="97" actId="1076"/>
          <ac:picMkLst>
            <pc:docMk/>
            <pc:sldMk cId="1369791146" sldId="293"/>
            <ac:picMk id="16" creationId="{708A86BC-0171-4EFB-C65F-5C9AE9160918}"/>
          </ac:picMkLst>
        </pc:picChg>
      </pc:sldChg>
      <pc:sldChg chg="addSp delSp modSp modNotes">
        <pc:chgData name="Emelie Westall Lundqvist" userId="S::s221956@dtu.dk::3a6c0c6b-4056-4919-93f8-4a249b28df98" providerId="AD" clId="Web-{6C182F3A-DE78-4720-B3B5-95169FC131AB}" dt="2022-12-18T11:59:19.910" v="635" actId="20577"/>
        <pc:sldMkLst>
          <pc:docMk/>
          <pc:sldMk cId="1333170057" sldId="294"/>
        </pc:sldMkLst>
        <pc:spChg chg="mod">
          <ac:chgData name="Emelie Westall Lundqvist" userId="S::s221956@dtu.dk::3a6c0c6b-4056-4919-93f8-4a249b28df98" providerId="AD" clId="Web-{6C182F3A-DE78-4720-B3B5-95169FC131AB}" dt="2022-12-18T11:46:46.979" v="525" actId="20577"/>
          <ac:spMkLst>
            <pc:docMk/>
            <pc:sldMk cId="1333170057" sldId="294"/>
            <ac:spMk id="19" creationId="{E3573A87-19A5-0FC7-9324-AA41F6C20BE1}"/>
          </ac:spMkLst>
        </pc:spChg>
        <pc:spChg chg="mod">
          <ac:chgData name="Emelie Westall Lundqvist" userId="S::s221956@dtu.dk::3a6c0c6b-4056-4919-93f8-4a249b28df98" providerId="AD" clId="Web-{6C182F3A-DE78-4720-B3B5-95169FC131AB}" dt="2022-12-18T11:59:19.910" v="635" actId="20577"/>
          <ac:spMkLst>
            <pc:docMk/>
            <pc:sldMk cId="1333170057" sldId="294"/>
            <ac:spMk id="24" creationId="{FE69AAC1-C4BA-4E80-C978-AE8846FDD692}"/>
          </ac:spMkLst>
        </pc:spChg>
        <pc:spChg chg="add del mod">
          <ac:chgData name="Emelie Westall Lundqvist" userId="S::s221956@dtu.dk::3a6c0c6b-4056-4919-93f8-4a249b28df98" providerId="AD" clId="Web-{6C182F3A-DE78-4720-B3B5-95169FC131AB}" dt="2022-12-18T11:43:50.462" v="479"/>
          <ac:spMkLst>
            <pc:docMk/>
            <pc:sldMk cId="1333170057" sldId="294"/>
            <ac:spMk id="29" creationId="{54A9A2C3-D18B-17F9-A1F1-DE8D90E1A39F}"/>
          </ac:spMkLst>
        </pc:spChg>
      </pc:sldChg>
      <pc:sldChg chg="modSp modNotes">
        <pc:chgData name="Emelie Westall Lundqvist" userId="S::s221956@dtu.dk::3a6c0c6b-4056-4919-93f8-4a249b28df98" providerId="AD" clId="Web-{6C182F3A-DE78-4720-B3B5-95169FC131AB}" dt="2022-12-18T12:11:42.013" v="907" actId="20577"/>
        <pc:sldMkLst>
          <pc:docMk/>
          <pc:sldMk cId="390031177" sldId="295"/>
        </pc:sldMkLst>
        <pc:spChg chg="mod">
          <ac:chgData name="Emelie Westall Lundqvist" userId="S::s221956@dtu.dk::3a6c0c6b-4056-4919-93f8-4a249b28df98" providerId="AD" clId="Web-{6C182F3A-DE78-4720-B3B5-95169FC131AB}" dt="2022-12-18T12:11:42.013" v="907" actId="20577"/>
          <ac:spMkLst>
            <pc:docMk/>
            <pc:sldMk cId="390031177" sldId="295"/>
            <ac:spMk id="21" creationId="{8F491E90-F297-FDD1-8808-591713591313}"/>
          </ac:spMkLst>
        </pc:spChg>
        <pc:picChg chg="mod">
          <ac:chgData name="Emelie Westall Lundqvist" userId="S::s221956@dtu.dk::3a6c0c6b-4056-4919-93f8-4a249b28df98" providerId="AD" clId="Web-{6C182F3A-DE78-4720-B3B5-95169FC131AB}" dt="2022-12-18T12:10:34.309" v="900" actId="1076"/>
          <ac:picMkLst>
            <pc:docMk/>
            <pc:sldMk cId="390031177" sldId="295"/>
            <ac:picMk id="5" creationId="{0773561F-BFBD-1561-4045-42E3B00EA8BB}"/>
          </ac:picMkLst>
        </pc:picChg>
      </pc:sldChg>
      <pc:sldChg chg="addSp delSp modSp">
        <pc:chgData name="Emelie Westall Lundqvist" userId="S::s221956@dtu.dk::3a6c0c6b-4056-4919-93f8-4a249b28df98" providerId="AD" clId="Web-{6C182F3A-DE78-4720-B3B5-95169FC131AB}" dt="2022-12-18T11:35:03.440" v="329" actId="14100"/>
        <pc:sldMkLst>
          <pc:docMk/>
          <pc:sldMk cId="962141961" sldId="296"/>
        </pc:sldMkLst>
        <pc:spChg chg="add mod">
          <ac:chgData name="Emelie Westall Lundqvist" userId="S::s221956@dtu.dk::3a6c0c6b-4056-4919-93f8-4a249b28df98" providerId="AD" clId="Web-{6C182F3A-DE78-4720-B3B5-95169FC131AB}" dt="2022-12-18T11:35:03.440" v="329" actId="14100"/>
          <ac:spMkLst>
            <pc:docMk/>
            <pc:sldMk cId="962141961" sldId="296"/>
            <ac:spMk id="5" creationId="{AF78463D-9928-CDB3-2D8C-0722CBEAB018}"/>
          </ac:spMkLst>
        </pc:spChg>
        <pc:picChg chg="del mod">
          <ac:chgData name="Emelie Westall Lundqvist" userId="S::s221956@dtu.dk::3a6c0c6b-4056-4919-93f8-4a249b28df98" providerId="AD" clId="Web-{6C182F3A-DE78-4720-B3B5-95169FC131AB}" dt="2022-12-18T11:34:09.252" v="311"/>
          <ac:picMkLst>
            <pc:docMk/>
            <pc:sldMk cId="962141961" sldId="296"/>
            <ac:picMk id="12" creationId="{A8505EC3-4816-61B1-5DEF-4935571FFF2A}"/>
          </ac:picMkLst>
        </pc:picChg>
      </pc:sldChg>
      <pc:sldChg chg="delSp modSp add ord replId">
        <pc:chgData name="Emelie Westall Lundqvist" userId="S::s221956@dtu.dk::3a6c0c6b-4056-4919-93f8-4a249b28df98" providerId="AD" clId="Web-{6C182F3A-DE78-4720-B3B5-95169FC131AB}" dt="2022-12-18T11:27:55.012" v="96"/>
        <pc:sldMkLst>
          <pc:docMk/>
          <pc:sldMk cId="1042294322" sldId="297"/>
        </pc:sldMkLst>
        <pc:picChg chg="del mod">
          <ac:chgData name="Emelie Westall Lundqvist" userId="S::s221956@dtu.dk::3a6c0c6b-4056-4919-93f8-4a249b28df98" providerId="AD" clId="Web-{6C182F3A-DE78-4720-B3B5-95169FC131AB}" dt="2022-12-18T11:27:55.012" v="96"/>
          <ac:picMkLst>
            <pc:docMk/>
            <pc:sldMk cId="1042294322" sldId="297"/>
            <ac:picMk id="16" creationId="{708A86BC-0171-4EFB-C65F-5C9AE9160918}"/>
          </ac:picMkLst>
        </pc:picChg>
        <pc:cxnChg chg="del">
          <ac:chgData name="Emelie Westall Lundqvist" userId="S::s221956@dtu.dk::3a6c0c6b-4056-4919-93f8-4a249b28df98" providerId="AD" clId="Web-{6C182F3A-DE78-4720-B3B5-95169FC131AB}" dt="2022-12-18T11:27:37.636" v="94"/>
          <ac:cxnSpMkLst>
            <pc:docMk/>
            <pc:sldMk cId="1042294322" sldId="297"/>
            <ac:cxnSpMk id="7" creationId="{71483A0C-96E4-4ECD-96E5-270AE8CC7532}"/>
          </ac:cxnSpMkLst>
        </pc:cxnChg>
      </pc:sldChg>
      <pc:sldChg chg="new del">
        <pc:chgData name="Emelie Westall Lundqvist" userId="S::s221956@dtu.dk::3a6c0c6b-4056-4919-93f8-4a249b28df98" providerId="AD" clId="Web-{6C182F3A-DE78-4720-B3B5-95169FC131AB}" dt="2022-12-18T11:29:16.138" v="103"/>
        <pc:sldMkLst>
          <pc:docMk/>
          <pc:sldMk cId="2580249579" sldId="298"/>
        </pc:sldMkLst>
      </pc:sldChg>
      <pc:sldChg chg="addSp delSp modSp add del replId">
        <pc:chgData name="Emelie Westall Lundqvist" userId="S::s221956@dtu.dk::3a6c0c6b-4056-4919-93f8-4a249b28df98" providerId="AD" clId="Web-{6C182F3A-DE78-4720-B3B5-95169FC131AB}" dt="2022-12-18T11:56:53.877" v="600"/>
        <pc:sldMkLst>
          <pc:docMk/>
          <pc:sldMk cId="2165565563" sldId="299"/>
        </pc:sldMkLst>
        <pc:spChg chg="mod">
          <ac:chgData name="Emelie Westall Lundqvist" userId="S::s221956@dtu.dk::3a6c0c6b-4056-4919-93f8-4a249b28df98" providerId="AD" clId="Web-{6C182F3A-DE78-4720-B3B5-95169FC131AB}" dt="2022-12-18T11:29:47.341" v="117" actId="20577"/>
          <ac:spMkLst>
            <pc:docMk/>
            <pc:sldMk cId="2165565563" sldId="299"/>
            <ac:spMk id="18" creationId="{75E76851-AA44-C507-027E-96A0A13F5782}"/>
          </ac:spMkLst>
        </pc:spChg>
        <pc:spChg chg="del mod">
          <ac:chgData name="Emelie Westall Lundqvist" userId="S::s221956@dtu.dk::3a6c0c6b-4056-4919-93f8-4a249b28df98" providerId="AD" clId="Web-{6C182F3A-DE78-4720-B3B5-95169FC131AB}" dt="2022-12-18T11:30:10.404" v="123"/>
          <ac:spMkLst>
            <pc:docMk/>
            <pc:sldMk cId="2165565563" sldId="299"/>
            <ac:spMk id="19" creationId="{E3573A87-19A5-0FC7-9324-AA41F6C20BE1}"/>
          </ac:spMkLst>
        </pc:spChg>
        <pc:spChg chg="del">
          <ac:chgData name="Emelie Westall Lundqvist" userId="S::s221956@dtu.dk::3a6c0c6b-4056-4919-93f8-4a249b28df98" providerId="AD" clId="Web-{6C182F3A-DE78-4720-B3B5-95169FC131AB}" dt="2022-12-18T11:30:07.388" v="121"/>
          <ac:spMkLst>
            <pc:docMk/>
            <pc:sldMk cId="2165565563" sldId="299"/>
            <ac:spMk id="24" creationId="{FE69AAC1-C4BA-4E80-C978-AE8846FDD692}"/>
          </ac:spMkLst>
        </pc:spChg>
        <pc:spChg chg="mod">
          <ac:chgData name="Emelie Westall Lundqvist" userId="S::s221956@dtu.dk::3a6c0c6b-4056-4919-93f8-4a249b28df98" providerId="AD" clId="Web-{6C182F3A-DE78-4720-B3B5-95169FC131AB}" dt="2022-12-18T11:30:29.623" v="129" actId="20577"/>
          <ac:spMkLst>
            <pc:docMk/>
            <pc:sldMk cId="2165565563" sldId="299"/>
            <ac:spMk id="29" creationId="{54A9A2C3-D18B-17F9-A1F1-DE8D90E1A39F}"/>
          </ac:spMkLst>
        </pc:spChg>
        <pc:spChg chg="add del mod">
          <ac:chgData name="Emelie Westall Lundqvist" userId="S::s221956@dtu.dk::3a6c0c6b-4056-4919-93f8-4a249b28df98" providerId="AD" clId="Web-{6C182F3A-DE78-4720-B3B5-95169FC131AB}" dt="2022-12-18T11:30:04.013" v="119"/>
          <ac:spMkLst>
            <pc:docMk/>
            <pc:sldMk cId="2165565563" sldId="299"/>
            <ac:spMk id="34" creationId="{76525F76-07AE-3371-2F87-14CEF7CED836}"/>
          </ac:spMkLst>
        </pc:spChg>
        <pc:picChg chg="del">
          <ac:chgData name="Emelie Westall Lundqvist" userId="S::s221956@dtu.dk::3a6c0c6b-4056-4919-93f8-4a249b28df98" providerId="AD" clId="Web-{6C182F3A-DE78-4720-B3B5-95169FC131AB}" dt="2022-12-18T11:29:21.247" v="105"/>
          <ac:picMkLst>
            <pc:docMk/>
            <pc:sldMk cId="2165565563" sldId="299"/>
            <ac:picMk id="11" creationId="{7B2CFD9F-0851-F436-A167-8D4F094A4ED6}"/>
          </ac:picMkLst>
        </pc:picChg>
        <pc:picChg chg="del">
          <ac:chgData name="Emelie Westall Lundqvist" userId="S::s221956@dtu.dk::3a6c0c6b-4056-4919-93f8-4a249b28df98" providerId="AD" clId="Web-{6C182F3A-DE78-4720-B3B5-95169FC131AB}" dt="2022-12-18T11:29:20.434" v="104"/>
          <ac:picMkLst>
            <pc:docMk/>
            <pc:sldMk cId="2165565563" sldId="299"/>
            <ac:picMk id="12" creationId="{0114416B-D152-4A43-1771-D0B9A4C5217B}"/>
          </ac:picMkLst>
        </pc:picChg>
        <pc:picChg chg="add mod">
          <ac:chgData name="Emelie Westall Lundqvist" userId="S::s221956@dtu.dk::3a6c0c6b-4056-4919-93f8-4a249b28df98" providerId="AD" clId="Web-{6C182F3A-DE78-4720-B3B5-95169FC131AB}" dt="2022-12-18T11:30:05.826" v="120" actId="1076"/>
          <ac:picMkLst>
            <pc:docMk/>
            <pc:sldMk cId="2165565563" sldId="299"/>
            <ac:picMk id="26" creationId="{12C2B4C9-99CD-C51C-1366-8F66CEF052DD}"/>
          </ac:picMkLst>
        </pc:picChg>
        <pc:picChg chg="del">
          <ac:chgData name="Emelie Westall Lundqvist" userId="S::s221956@dtu.dk::3a6c0c6b-4056-4919-93f8-4a249b28df98" providerId="AD" clId="Web-{6C182F3A-DE78-4720-B3B5-95169FC131AB}" dt="2022-12-18T11:29:50.529" v="118"/>
          <ac:picMkLst>
            <pc:docMk/>
            <pc:sldMk cId="2165565563" sldId="299"/>
            <ac:picMk id="55" creationId="{9C56C23C-3CE8-4F94-1D7B-BE5FED16CE26}"/>
          </ac:picMkLst>
        </pc:picChg>
      </pc:sldChg>
      <pc:sldChg chg="modSp">
        <pc:chgData name="Emelie Westall Lundqvist" userId="S::s221956@dtu.dk::3a6c0c6b-4056-4919-93f8-4a249b28df98" providerId="AD" clId="Web-{6C182F3A-DE78-4720-B3B5-95169FC131AB}" dt="2022-12-18T11:54:23.156" v="592" actId="20577"/>
        <pc:sldMkLst>
          <pc:docMk/>
          <pc:sldMk cId="2314334276" sldId="300"/>
        </pc:sldMkLst>
        <pc:spChg chg="mod">
          <ac:chgData name="Emelie Westall Lundqvist" userId="S::s221956@dtu.dk::3a6c0c6b-4056-4919-93f8-4a249b28df98" providerId="AD" clId="Web-{6C182F3A-DE78-4720-B3B5-95169FC131AB}" dt="2022-12-18T11:54:23.156" v="592" actId="20577"/>
          <ac:spMkLst>
            <pc:docMk/>
            <pc:sldMk cId="2314334276" sldId="300"/>
            <ac:spMk id="10" creationId="{96C96CE2-A846-7174-13BA-EE9BF30679B7}"/>
          </ac:spMkLst>
        </pc:spChg>
      </pc:sldChg>
      <pc:sldChg chg="new del">
        <pc:chgData name="Emelie Westall Lundqvist" userId="S::s221956@dtu.dk::3a6c0c6b-4056-4919-93f8-4a249b28df98" providerId="AD" clId="Web-{6C182F3A-DE78-4720-B3B5-95169FC131AB}" dt="2022-12-18T11:29:01.106" v="101"/>
        <pc:sldMkLst>
          <pc:docMk/>
          <pc:sldMk cId="3914394336" sldId="300"/>
        </pc:sldMkLst>
      </pc:sldChg>
    </pc:docChg>
  </pc:docChgLst>
  <pc:docChgLst>
    <pc:chgData name="Emelie Westall Lundqvist" userId="S::s221956@dtu.dk::3a6c0c6b-4056-4919-93f8-4a249b28df98" providerId="AD" clId="Web-{CB21D936-D991-44BD-A43F-141108879F03}"/>
    <pc:docChg chg="addSld delSld modSld">
      <pc:chgData name="Emelie Westall Lundqvist" userId="S::s221956@dtu.dk::3a6c0c6b-4056-4919-93f8-4a249b28df98" providerId="AD" clId="Web-{CB21D936-D991-44BD-A43F-141108879F03}" dt="2022-12-17T17:04:58.832" v="13" actId="20577"/>
      <pc:docMkLst>
        <pc:docMk/>
      </pc:docMkLst>
      <pc:sldChg chg="addSp delSp modSp add replId">
        <pc:chgData name="Emelie Westall Lundqvist" userId="S::s221956@dtu.dk::3a6c0c6b-4056-4919-93f8-4a249b28df98" providerId="AD" clId="Web-{CB21D936-D991-44BD-A43F-141108879F03}" dt="2022-12-17T17:04:58.832" v="13" actId="20577"/>
        <pc:sldMkLst>
          <pc:docMk/>
          <pc:sldMk cId="390031177" sldId="295"/>
        </pc:sldMkLst>
        <pc:spChg chg="mod">
          <ac:chgData name="Emelie Westall Lundqvist" userId="S::s221956@dtu.dk::3a6c0c6b-4056-4919-93f8-4a249b28df98" providerId="AD" clId="Web-{CB21D936-D991-44BD-A43F-141108879F03}" dt="2022-12-17T17:04:58.832" v="13" actId="20577"/>
          <ac:spMkLst>
            <pc:docMk/>
            <pc:sldMk cId="390031177" sldId="295"/>
            <ac:spMk id="18" creationId="{75E76851-AA44-C507-027E-96A0A13F5782}"/>
          </ac:spMkLst>
        </pc:spChg>
        <pc:spChg chg="del">
          <ac:chgData name="Emelie Westall Lundqvist" userId="S::s221956@dtu.dk::3a6c0c6b-4056-4919-93f8-4a249b28df98" providerId="AD" clId="Web-{CB21D936-D991-44BD-A43F-141108879F03}" dt="2022-12-17T17:04:49.722" v="5"/>
          <ac:spMkLst>
            <pc:docMk/>
            <pc:sldMk cId="390031177" sldId="295"/>
            <ac:spMk id="19" creationId="{E3573A87-19A5-0FC7-9324-AA41F6C20BE1}"/>
          </ac:spMkLst>
        </pc:spChg>
        <pc:spChg chg="add mod">
          <ac:chgData name="Emelie Westall Lundqvist" userId="S::s221956@dtu.dk::3a6c0c6b-4056-4919-93f8-4a249b28df98" providerId="AD" clId="Web-{CB21D936-D991-44BD-A43F-141108879F03}" dt="2022-12-17T17:04:53.879" v="9"/>
          <ac:spMkLst>
            <pc:docMk/>
            <pc:sldMk cId="390031177" sldId="295"/>
            <ac:spMk id="21" creationId="{8F491E90-F297-FDD1-8808-591713591313}"/>
          </ac:spMkLst>
        </pc:spChg>
        <pc:spChg chg="del">
          <ac:chgData name="Emelie Westall Lundqvist" userId="S::s221956@dtu.dk::3a6c0c6b-4056-4919-93f8-4a249b28df98" providerId="AD" clId="Web-{CB21D936-D991-44BD-A43F-141108879F03}" dt="2022-12-17T17:04:49.722" v="4"/>
          <ac:spMkLst>
            <pc:docMk/>
            <pc:sldMk cId="390031177" sldId="295"/>
            <ac:spMk id="24" creationId="{FE69AAC1-C4BA-4E80-C978-AE8846FDD692}"/>
          </ac:spMkLst>
        </pc:spChg>
        <pc:graphicFrameChg chg="del">
          <ac:chgData name="Emelie Westall Lundqvist" userId="S::s221956@dtu.dk::3a6c0c6b-4056-4919-93f8-4a249b28df98" providerId="AD" clId="Web-{CB21D936-D991-44BD-A43F-141108879F03}" dt="2022-12-17T17:04:52.722" v="8"/>
          <ac:graphicFrameMkLst>
            <pc:docMk/>
            <pc:sldMk cId="390031177" sldId="295"/>
            <ac:graphicFrameMk id="5" creationId="{F32629CB-2216-5CD8-3997-79D2BAEAA5A1}"/>
          </ac:graphicFrameMkLst>
        </pc:graphicFrameChg>
        <pc:picChg chg="del">
          <ac:chgData name="Emelie Westall Lundqvist" userId="S::s221956@dtu.dk::3a6c0c6b-4056-4919-93f8-4a249b28df98" providerId="AD" clId="Web-{CB21D936-D991-44BD-A43F-141108879F03}" dt="2022-12-17T17:04:50.566" v="6"/>
          <ac:picMkLst>
            <pc:docMk/>
            <pc:sldMk cId="390031177" sldId="295"/>
            <ac:picMk id="11" creationId="{7B2CFD9F-0851-F436-A167-8D4F094A4ED6}"/>
          </ac:picMkLst>
        </pc:picChg>
        <pc:picChg chg="del">
          <ac:chgData name="Emelie Westall Lundqvist" userId="S::s221956@dtu.dk::3a6c0c6b-4056-4919-93f8-4a249b28df98" providerId="AD" clId="Web-{CB21D936-D991-44BD-A43F-141108879F03}" dt="2022-12-17T17:04:51.363" v="7"/>
          <ac:picMkLst>
            <pc:docMk/>
            <pc:sldMk cId="390031177" sldId="295"/>
            <ac:picMk id="12" creationId="{0114416B-D152-4A43-1771-D0B9A4C5217B}"/>
          </ac:picMkLst>
        </pc:picChg>
        <pc:picChg chg="del">
          <ac:chgData name="Emelie Westall Lundqvist" userId="S::s221956@dtu.dk::3a6c0c6b-4056-4919-93f8-4a249b28df98" providerId="AD" clId="Web-{CB21D936-D991-44BD-A43F-141108879F03}" dt="2022-12-17T17:04:49.722" v="3"/>
          <ac:picMkLst>
            <pc:docMk/>
            <pc:sldMk cId="390031177" sldId="295"/>
            <ac:picMk id="33" creationId="{59FC1A32-1CB7-735F-BEEC-D0FB50B7B243}"/>
          </ac:picMkLst>
        </pc:picChg>
        <pc:picChg chg="del">
          <ac:chgData name="Emelie Westall Lundqvist" userId="S::s221956@dtu.dk::3a6c0c6b-4056-4919-93f8-4a249b28df98" providerId="AD" clId="Web-{CB21D936-D991-44BD-A43F-141108879F03}" dt="2022-12-17T17:04:53.879" v="9"/>
          <ac:picMkLst>
            <pc:docMk/>
            <pc:sldMk cId="390031177" sldId="295"/>
            <ac:picMk id="55" creationId="{9C56C23C-3CE8-4F94-1D7B-BE5FED16CE26}"/>
          </ac:picMkLst>
        </pc:picChg>
      </pc:sldChg>
      <pc:sldChg chg="add del replId">
        <pc:chgData name="Emelie Westall Lundqvist" userId="S::s221956@dtu.dk::3a6c0c6b-4056-4919-93f8-4a249b28df98" providerId="AD" clId="Web-{CB21D936-D991-44BD-A43F-141108879F03}" dt="2022-12-17T17:04:41.488" v="1"/>
        <pc:sldMkLst>
          <pc:docMk/>
          <pc:sldMk cId="985540014" sldId="295"/>
        </pc:sldMkLst>
      </pc:sldChg>
    </pc:docChg>
  </pc:docChgLst>
  <pc:docChgLst>
    <pc:chgData name="Nikolas Vitaliti" userId="8c720cfb-423e-41d2-902f-4cf486698773" providerId="ADAL" clId="{2D67DE44-C58E-4A57-8D0C-F809935F85CE}"/>
    <pc:docChg chg="undo redo custSel addSld delSld modSld sldOrd">
      <pc:chgData name="Nikolas Vitaliti" userId="8c720cfb-423e-41d2-902f-4cf486698773" providerId="ADAL" clId="{2D67DE44-C58E-4A57-8D0C-F809935F85CE}" dt="2022-12-18T17:11:07.735" v="4372" actId="20577"/>
      <pc:docMkLst>
        <pc:docMk/>
      </pc:docMkLst>
      <pc:sldChg chg="modSp new mod">
        <pc:chgData name="Nikolas Vitaliti" userId="8c720cfb-423e-41d2-902f-4cf486698773" providerId="ADAL" clId="{2D67DE44-C58E-4A57-8D0C-F809935F85CE}" dt="2022-12-17T09:01:20.249" v="497" actId="20577"/>
        <pc:sldMkLst>
          <pc:docMk/>
          <pc:sldMk cId="8544567" sldId="287"/>
        </pc:sldMkLst>
        <pc:spChg chg="mod">
          <ac:chgData name="Nikolas Vitaliti" userId="8c720cfb-423e-41d2-902f-4cf486698773" providerId="ADAL" clId="{2D67DE44-C58E-4A57-8D0C-F809935F85CE}" dt="2022-12-17T09:01:07.540" v="426" actId="20577"/>
          <ac:spMkLst>
            <pc:docMk/>
            <pc:sldMk cId="8544567" sldId="287"/>
            <ac:spMk id="2" creationId="{7A63320C-6993-17AC-9499-768AF79CF5E8}"/>
          </ac:spMkLst>
        </pc:spChg>
        <pc:spChg chg="mod">
          <ac:chgData name="Nikolas Vitaliti" userId="8c720cfb-423e-41d2-902f-4cf486698773" providerId="ADAL" clId="{2D67DE44-C58E-4A57-8D0C-F809935F85CE}" dt="2022-12-17T09:01:20.249" v="497" actId="20577"/>
          <ac:spMkLst>
            <pc:docMk/>
            <pc:sldMk cId="8544567" sldId="287"/>
            <ac:spMk id="3" creationId="{8C8D761C-6F53-D4CA-D83C-439D148CE3E6}"/>
          </ac:spMkLst>
        </pc:spChg>
      </pc:sldChg>
      <pc:sldChg chg="new del">
        <pc:chgData name="Nikolas Vitaliti" userId="8c720cfb-423e-41d2-902f-4cf486698773" providerId="ADAL" clId="{2D67DE44-C58E-4A57-8D0C-F809935F85CE}" dt="2022-12-17T08:30:32.878" v="1" actId="47"/>
        <pc:sldMkLst>
          <pc:docMk/>
          <pc:sldMk cId="425116282" sldId="287"/>
        </pc:sldMkLst>
      </pc:sldChg>
      <pc:sldChg chg="addSp delSp modSp mod">
        <pc:chgData name="Nikolas Vitaliti" userId="8c720cfb-423e-41d2-902f-4cf486698773" providerId="ADAL" clId="{2D67DE44-C58E-4A57-8D0C-F809935F85CE}" dt="2022-12-18T17:11:07.735" v="4372" actId="20577"/>
        <pc:sldMkLst>
          <pc:docMk/>
          <pc:sldMk cId="2705051400" sldId="288"/>
        </pc:sldMkLst>
        <pc:spChg chg="mod">
          <ac:chgData name="Nikolas Vitaliti" userId="8c720cfb-423e-41d2-902f-4cf486698773" providerId="ADAL" clId="{2D67DE44-C58E-4A57-8D0C-F809935F85CE}" dt="2022-12-18T10:46:27.267" v="3327" actId="1076"/>
          <ac:spMkLst>
            <pc:docMk/>
            <pc:sldMk cId="2705051400" sldId="288"/>
            <ac:spMk id="3" creationId="{05E819A1-97C4-731E-A2BC-D4383864CCD7}"/>
          </ac:spMkLst>
        </pc:spChg>
        <pc:spChg chg="add mod">
          <ac:chgData name="Nikolas Vitaliti" userId="8c720cfb-423e-41d2-902f-4cf486698773" providerId="ADAL" clId="{2D67DE44-C58E-4A57-8D0C-F809935F85CE}" dt="2022-12-17T11:06:39.393" v="1961" actId="1076"/>
          <ac:spMkLst>
            <pc:docMk/>
            <pc:sldMk cId="2705051400" sldId="288"/>
            <ac:spMk id="6" creationId="{BB245E9D-C69C-8F9D-237A-F9B300ECB598}"/>
          </ac:spMkLst>
        </pc:spChg>
        <pc:spChg chg="mod">
          <ac:chgData name="Nikolas Vitaliti" userId="8c720cfb-423e-41d2-902f-4cf486698773" providerId="ADAL" clId="{2D67DE44-C58E-4A57-8D0C-F809935F85CE}" dt="2022-12-18T10:46:21.579" v="3324" actId="1076"/>
          <ac:spMkLst>
            <pc:docMk/>
            <pc:sldMk cId="2705051400" sldId="288"/>
            <ac:spMk id="9" creationId="{40EDAFF2-3077-7B6C-D278-92A7793B7068}"/>
          </ac:spMkLst>
        </pc:spChg>
        <pc:spChg chg="mod">
          <ac:chgData name="Nikolas Vitaliti" userId="8c720cfb-423e-41d2-902f-4cf486698773" providerId="ADAL" clId="{2D67DE44-C58E-4A57-8D0C-F809935F85CE}" dt="2022-12-17T12:29:41.779" v="2261" actId="14100"/>
          <ac:spMkLst>
            <pc:docMk/>
            <pc:sldMk cId="2705051400" sldId="288"/>
            <ac:spMk id="11" creationId="{C0389CB8-02DA-F58C-86A7-5A2554235379}"/>
          </ac:spMkLst>
        </pc:spChg>
        <pc:spChg chg="add mod">
          <ac:chgData name="Nikolas Vitaliti" userId="8c720cfb-423e-41d2-902f-4cf486698773" providerId="ADAL" clId="{2D67DE44-C58E-4A57-8D0C-F809935F85CE}" dt="2022-12-18T10:45:48.074" v="3320" actId="404"/>
          <ac:spMkLst>
            <pc:docMk/>
            <pc:sldMk cId="2705051400" sldId="288"/>
            <ac:spMk id="12" creationId="{76AE7BAD-79A3-D5B8-18EA-6726B4308403}"/>
          </ac:spMkLst>
        </pc:spChg>
        <pc:spChg chg="add mod">
          <ac:chgData name="Nikolas Vitaliti" userId="8c720cfb-423e-41d2-902f-4cf486698773" providerId="ADAL" clId="{2D67DE44-C58E-4A57-8D0C-F809935F85CE}" dt="2022-12-18T10:45:44.449" v="3318" actId="404"/>
          <ac:spMkLst>
            <pc:docMk/>
            <pc:sldMk cId="2705051400" sldId="288"/>
            <ac:spMk id="14" creationId="{4C0E80E0-7290-835F-FF54-6ED09D74A3EF}"/>
          </ac:spMkLst>
        </pc:spChg>
        <pc:spChg chg="add mod">
          <ac:chgData name="Nikolas Vitaliti" userId="8c720cfb-423e-41d2-902f-4cf486698773" providerId="ADAL" clId="{2D67DE44-C58E-4A57-8D0C-F809935F85CE}" dt="2022-12-18T10:45:42.668" v="3317" actId="404"/>
          <ac:spMkLst>
            <pc:docMk/>
            <pc:sldMk cId="2705051400" sldId="288"/>
            <ac:spMk id="15" creationId="{AC9D1678-AE95-B3CA-DB86-020F39903CEC}"/>
          </ac:spMkLst>
        </pc:spChg>
        <pc:spChg chg="add mod">
          <ac:chgData name="Nikolas Vitaliti" userId="8c720cfb-423e-41d2-902f-4cf486698773" providerId="ADAL" clId="{2D67DE44-C58E-4A57-8D0C-F809935F85CE}" dt="2022-12-18T10:45:38.611" v="3315" actId="404"/>
          <ac:spMkLst>
            <pc:docMk/>
            <pc:sldMk cId="2705051400" sldId="288"/>
            <ac:spMk id="16" creationId="{D5C8B766-1FED-64A4-6825-89560923219F}"/>
          </ac:spMkLst>
        </pc:spChg>
        <pc:spChg chg="add mod">
          <ac:chgData name="Nikolas Vitaliti" userId="8c720cfb-423e-41d2-902f-4cf486698773" providerId="ADAL" clId="{2D67DE44-C58E-4A57-8D0C-F809935F85CE}" dt="2022-12-18T17:11:07.735" v="4372" actId="20577"/>
          <ac:spMkLst>
            <pc:docMk/>
            <pc:sldMk cId="2705051400" sldId="288"/>
            <ac:spMk id="18" creationId="{D742699B-42B4-7BAA-0DC1-C9444DBF2CAA}"/>
          </ac:spMkLst>
        </pc:spChg>
        <pc:spChg chg="add mod">
          <ac:chgData name="Nikolas Vitaliti" userId="8c720cfb-423e-41d2-902f-4cf486698773" providerId="ADAL" clId="{2D67DE44-C58E-4A57-8D0C-F809935F85CE}" dt="2022-12-18T10:45:54.668" v="3321" actId="404"/>
          <ac:spMkLst>
            <pc:docMk/>
            <pc:sldMk cId="2705051400" sldId="288"/>
            <ac:spMk id="19" creationId="{2B2C9336-0E4F-7EBD-F2CC-F71CE516BF67}"/>
          </ac:spMkLst>
        </pc:spChg>
        <pc:spChg chg="add mod">
          <ac:chgData name="Nikolas Vitaliti" userId="8c720cfb-423e-41d2-902f-4cf486698773" providerId="ADAL" clId="{2D67DE44-C58E-4A57-8D0C-F809935F85CE}" dt="2022-12-18T10:45:21.026" v="3307" actId="1076"/>
          <ac:spMkLst>
            <pc:docMk/>
            <pc:sldMk cId="2705051400" sldId="288"/>
            <ac:spMk id="20" creationId="{C1178A14-29B6-E9E6-89CE-C69BD44D3286}"/>
          </ac:spMkLst>
        </pc:spChg>
        <pc:spChg chg="add mod">
          <ac:chgData name="Nikolas Vitaliti" userId="8c720cfb-423e-41d2-902f-4cf486698773" providerId="ADAL" clId="{2D67DE44-C58E-4A57-8D0C-F809935F85CE}" dt="2022-12-18T10:45:29.848" v="3313" actId="1076"/>
          <ac:spMkLst>
            <pc:docMk/>
            <pc:sldMk cId="2705051400" sldId="288"/>
            <ac:spMk id="22" creationId="{E157AB0A-DA57-77AF-F2C0-6EF7278B6DEB}"/>
          </ac:spMkLst>
        </pc:spChg>
        <pc:spChg chg="add mod">
          <ac:chgData name="Nikolas Vitaliti" userId="8c720cfb-423e-41d2-902f-4cf486698773" providerId="ADAL" clId="{2D67DE44-C58E-4A57-8D0C-F809935F85CE}" dt="2022-12-18T10:45:35.637" v="3314" actId="404"/>
          <ac:spMkLst>
            <pc:docMk/>
            <pc:sldMk cId="2705051400" sldId="288"/>
            <ac:spMk id="23" creationId="{513A71D2-4141-66E0-622F-29F26BF4A4FD}"/>
          </ac:spMkLst>
        </pc:spChg>
        <pc:grpChg chg="mod">
          <ac:chgData name="Nikolas Vitaliti" userId="8c720cfb-423e-41d2-902f-4cf486698773" providerId="ADAL" clId="{2D67DE44-C58E-4A57-8D0C-F809935F85CE}" dt="2022-12-17T11:03:36.503" v="1945"/>
          <ac:grpSpMkLst>
            <pc:docMk/>
            <pc:sldMk cId="2705051400" sldId="288"/>
            <ac:grpSpMk id="16" creationId="{D6FB8869-48AD-AA5A-576C-75318819A858}"/>
          </ac:grpSpMkLst>
        </pc:grpChg>
        <pc:picChg chg="mod">
          <ac:chgData name="Nikolas Vitaliti" userId="8c720cfb-423e-41d2-902f-4cf486698773" providerId="ADAL" clId="{2D67DE44-C58E-4A57-8D0C-F809935F85CE}" dt="2022-12-18T10:41:20.815" v="3157" actId="1076"/>
          <ac:picMkLst>
            <pc:docMk/>
            <pc:sldMk cId="2705051400" sldId="288"/>
            <ac:picMk id="5" creationId="{694EBA7E-A005-83D4-823E-A7934E53B66A}"/>
          </ac:picMkLst>
        </pc:picChg>
        <pc:picChg chg="add mod">
          <ac:chgData name="Nikolas Vitaliti" userId="8c720cfb-423e-41d2-902f-4cf486698773" providerId="ADAL" clId="{2D67DE44-C58E-4A57-8D0C-F809935F85CE}" dt="2022-12-17T10:54:55.226" v="1913" actId="1076"/>
          <ac:picMkLst>
            <pc:docMk/>
            <pc:sldMk cId="2705051400" sldId="288"/>
            <ac:picMk id="10" creationId="{44159D19-C970-3C6D-2310-92F903619371}"/>
          </ac:picMkLst>
        </pc:picChg>
        <pc:picChg chg="add mod">
          <ac:chgData name="Nikolas Vitaliti" userId="8c720cfb-423e-41d2-902f-4cf486698773" providerId="ADAL" clId="{2D67DE44-C58E-4A57-8D0C-F809935F85CE}" dt="2022-12-18T10:18:39.501" v="3137" actId="1076"/>
          <ac:picMkLst>
            <pc:docMk/>
            <pc:sldMk cId="2705051400" sldId="288"/>
            <ac:picMk id="13" creationId="{3D38CB7F-1192-9E79-13CA-4FE03623499E}"/>
          </ac:picMkLst>
        </pc:picChg>
        <pc:picChg chg="mod">
          <ac:chgData name="Nikolas Vitaliti" userId="8c720cfb-423e-41d2-902f-4cf486698773" providerId="ADAL" clId="{2D67DE44-C58E-4A57-8D0C-F809935F85CE}" dt="2022-12-18T10:45:25.099" v="3312" actId="1076"/>
          <ac:picMkLst>
            <pc:docMk/>
            <pc:sldMk cId="2705051400" sldId="288"/>
            <ac:picMk id="21" creationId="{68572223-95C3-8925-B833-E688C7BC8F68}"/>
          </ac:picMkLst>
        </pc:picChg>
        <pc:picChg chg="del">
          <ac:chgData name="Nikolas Vitaliti" userId="8c720cfb-423e-41d2-902f-4cf486698773" providerId="ADAL" clId="{2D67DE44-C58E-4A57-8D0C-F809935F85CE}" dt="2022-12-18T10:40:08.502" v="3140" actId="478"/>
          <ac:picMkLst>
            <pc:docMk/>
            <pc:sldMk cId="2705051400" sldId="288"/>
            <ac:picMk id="35" creationId="{E3834341-30F7-7072-0773-2F416E219FC5}"/>
          </ac:picMkLst>
        </pc:picChg>
        <pc:inkChg chg="add">
          <ac:chgData name="Nikolas Vitaliti" userId="8c720cfb-423e-41d2-902f-4cf486698773" providerId="ADAL" clId="{2D67DE44-C58E-4A57-8D0C-F809935F85CE}" dt="2022-12-17T11:06:04.849" v="1949" actId="9405"/>
          <ac:inkMkLst>
            <pc:docMk/>
            <pc:sldMk cId="2705051400" sldId="288"/>
            <ac:inkMk id="2" creationId="{49D77F34-5D11-A95D-9EA0-7EDF25A466E5}"/>
          </ac:inkMkLst>
        </pc:inkChg>
        <pc:inkChg chg="add">
          <ac:chgData name="Nikolas Vitaliti" userId="8c720cfb-423e-41d2-902f-4cf486698773" providerId="ADAL" clId="{2D67DE44-C58E-4A57-8D0C-F809935F85CE}" dt="2022-12-18T10:09:09.393" v="3128" actId="9405"/>
          <ac:inkMkLst>
            <pc:docMk/>
            <pc:sldMk cId="2705051400" sldId="288"/>
            <ac:inkMk id="7" creationId="{B14A2E1E-37DC-6E08-DC0B-8BD9B7EEA39A}"/>
          </ac:inkMkLst>
        </pc:inkChg>
        <pc:inkChg chg="add mod">
          <ac:chgData name="Nikolas Vitaliti" userId="8c720cfb-423e-41d2-902f-4cf486698773" providerId="ADAL" clId="{2D67DE44-C58E-4A57-8D0C-F809935F85CE}" dt="2022-12-17T11:03:36.503" v="1945"/>
          <ac:inkMkLst>
            <pc:docMk/>
            <pc:sldMk cId="2705051400" sldId="288"/>
            <ac:inkMk id="12" creationId="{C6558048-7A0F-CA7F-735F-EE9522A21970}"/>
          </ac:inkMkLst>
        </pc:inkChg>
        <pc:inkChg chg="add mod">
          <ac:chgData name="Nikolas Vitaliti" userId="8c720cfb-423e-41d2-902f-4cf486698773" providerId="ADAL" clId="{2D67DE44-C58E-4A57-8D0C-F809935F85CE}" dt="2022-12-17T11:03:36.503" v="1945"/>
          <ac:inkMkLst>
            <pc:docMk/>
            <pc:sldMk cId="2705051400" sldId="288"/>
            <ac:inkMk id="14" creationId="{7611461A-364C-F17C-1B33-346E24F98A03}"/>
          </ac:inkMkLst>
        </pc:inkChg>
        <pc:inkChg chg="add mod">
          <ac:chgData name="Nikolas Vitaliti" userId="8c720cfb-423e-41d2-902f-4cf486698773" providerId="ADAL" clId="{2D67DE44-C58E-4A57-8D0C-F809935F85CE}" dt="2022-12-17T11:03:36.503" v="1945"/>
          <ac:inkMkLst>
            <pc:docMk/>
            <pc:sldMk cId="2705051400" sldId="288"/>
            <ac:inkMk id="15" creationId="{E85278D0-EC73-83A0-B002-276204F16D72}"/>
          </ac:inkMkLst>
        </pc:inkChg>
        <pc:inkChg chg="add">
          <ac:chgData name="Nikolas Vitaliti" userId="8c720cfb-423e-41d2-902f-4cf486698773" providerId="ADAL" clId="{2D67DE44-C58E-4A57-8D0C-F809935F85CE}" dt="2022-12-17T11:03:44.765" v="1946" actId="9405"/>
          <ac:inkMkLst>
            <pc:docMk/>
            <pc:sldMk cId="2705051400" sldId="288"/>
            <ac:inkMk id="17" creationId="{15EF8FBD-3B60-3DAC-1FE7-18B639962FA6}"/>
          </ac:inkMkLst>
        </pc:inkChg>
        <pc:inkChg chg="add">
          <ac:chgData name="Nikolas Vitaliti" userId="8c720cfb-423e-41d2-902f-4cf486698773" providerId="ADAL" clId="{2D67DE44-C58E-4A57-8D0C-F809935F85CE}" dt="2022-12-17T11:04:00.353" v="1947" actId="9405"/>
          <ac:inkMkLst>
            <pc:docMk/>
            <pc:sldMk cId="2705051400" sldId="288"/>
            <ac:inkMk id="18" creationId="{FE4EC0B1-9CE5-5780-55C6-ECBC18B84D5A}"/>
          </ac:inkMkLst>
        </pc:inkChg>
        <pc:inkChg chg="mod">
          <ac:chgData name="Nikolas Vitaliti" userId="8c720cfb-423e-41d2-902f-4cf486698773" providerId="ADAL" clId="{2D67DE44-C58E-4A57-8D0C-F809935F85CE}" dt="2022-12-17T11:06:16.314" v="1952" actId="1076"/>
          <ac:inkMkLst>
            <pc:docMk/>
            <pc:sldMk cId="2705051400" sldId="288"/>
            <ac:inkMk id="110" creationId="{DD061307-26B5-FF1E-C87A-72C41A66B704}"/>
          </ac:inkMkLst>
        </pc:inkChg>
        <pc:cxnChg chg="add mod">
          <ac:chgData name="Nikolas Vitaliti" userId="8c720cfb-423e-41d2-902f-4cf486698773" providerId="ADAL" clId="{2D67DE44-C58E-4A57-8D0C-F809935F85CE}" dt="2022-12-18T10:44:24.294" v="3282" actId="1076"/>
          <ac:cxnSpMkLst>
            <pc:docMk/>
            <pc:sldMk cId="2705051400" sldId="288"/>
            <ac:cxnSpMk id="24" creationId="{9B2DA0DA-B83B-AFD7-0737-3281D51F258B}"/>
          </ac:cxnSpMkLst>
        </pc:cxnChg>
        <pc:cxnChg chg="add mod">
          <ac:chgData name="Nikolas Vitaliti" userId="8c720cfb-423e-41d2-902f-4cf486698773" providerId="ADAL" clId="{2D67DE44-C58E-4A57-8D0C-F809935F85CE}" dt="2022-12-18T10:44:27.215" v="3284" actId="1076"/>
          <ac:cxnSpMkLst>
            <pc:docMk/>
            <pc:sldMk cId="2705051400" sldId="288"/>
            <ac:cxnSpMk id="25" creationId="{B91E8631-1EF6-5F98-0B42-99FF2D2195B2}"/>
          </ac:cxnSpMkLst>
        </pc:cxnChg>
        <pc:cxnChg chg="add mod">
          <ac:chgData name="Nikolas Vitaliti" userId="8c720cfb-423e-41d2-902f-4cf486698773" providerId="ADAL" clId="{2D67DE44-C58E-4A57-8D0C-F809935F85CE}" dt="2022-12-18T10:44:32.936" v="3287" actId="1076"/>
          <ac:cxnSpMkLst>
            <pc:docMk/>
            <pc:sldMk cId="2705051400" sldId="288"/>
            <ac:cxnSpMk id="26" creationId="{CDADB996-553A-31C9-5A1C-C9B362C1B9EC}"/>
          </ac:cxnSpMkLst>
        </pc:cxnChg>
        <pc:cxnChg chg="add mod">
          <ac:chgData name="Nikolas Vitaliti" userId="8c720cfb-423e-41d2-902f-4cf486698773" providerId="ADAL" clId="{2D67DE44-C58E-4A57-8D0C-F809935F85CE}" dt="2022-12-18T10:44:35.707" v="3289" actId="1076"/>
          <ac:cxnSpMkLst>
            <pc:docMk/>
            <pc:sldMk cId="2705051400" sldId="288"/>
            <ac:cxnSpMk id="28" creationId="{BFA209C5-308E-2E14-5B15-538468279DAB}"/>
          </ac:cxnSpMkLst>
        </pc:cxnChg>
        <pc:cxnChg chg="add mod">
          <ac:chgData name="Nikolas Vitaliti" userId="8c720cfb-423e-41d2-902f-4cf486698773" providerId="ADAL" clId="{2D67DE44-C58E-4A57-8D0C-F809935F85CE}" dt="2022-12-18T10:44:38.660" v="3291" actId="1076"/>
          <ac:cxnSpMkLst>
            <pc:docMk/>
            <pc:sldMk cId="2705051400" sldId="288"/>
            <ac:cxnSpMk id="29" creationId="{922CDC5A-4955-D47B-910D-A53A74435705}"/>
          </ac:cxnSpMkLst>
        </pc:cxnChg>
        <pc:cxnChg chg="add mod">
          <ac:chgData name="Nikolas Vitaliti" userId="8c720cfb-423e-41d2-902f-4cf486698773" providerId="ADAL" clId="{2D67DE44-C58E-4A57-8D0C-F809935F85CE}" dt="2022-12-18T10:44:41.706" v="3293" actId="1076"/>
          <ac:cxnSpMkLst>
            <pc:docMk/>
            <pc:sldMk cId="2705051400" sldId="288"/>
            <ac:cxnSpMk id="30" creationId="{6DDA6FB5-B34D-B80F-7D0D-B255D0E6B1E9}"/>
          </ac:cxnSpMkLst>
        </pc:cxnChg>
        <pc:cxnChg chg="add mod">
          <ac:chgData name="Nikolas Vitaliti" userId="8c720cfb-423e-41d2-902f-4cf486698773" providerId="ADAL" clId="{2D67DE44-C58E-4A57-8D0C-F809935F85CE}" dt="2022-12-18T10:44:44.217" v="3295" actId="1076"/>
          <ac:cxnSpMkLst>
            <pc:docMk/>
            <pc:sldMk cId="2705051400" sldId="288"/>
            <ac:cxnSpMk id="31" creationId="{34F2B0E7-11DE-5FC5-4AE3-F46B9EB37C9A}"/>
          </ac:cxnSpMkLst>
        </pc:cxnChg>
        <pc:cxnChg chg="add del mod">
          <ac:chgData name="Nikolas Vitaliti" userId="8c720cfb-423e-41d2-902f-4cf486698773" providerId="ADAL" clId="{2D67DE44-C58E-4A57-8D0C-F809935F85CE}" dt="2022-12-18T10:44:53.170" v="3299" actId="478"/>
          <ac:cxnSpMkLst>
            <pc:docMk/>
            <pc:sldMk cId="2705051400" sldId="288"/>
            <ac:cxnSpMk id="32" creationId="{B7462A62-2355-9516-9160-7AF8522C2DBF}"/>
          </ac:cxnSpMkLst>
        </pc:cxnChg>
        <pc:cxnChg chg="add mod">
          <ac:chgData name="Nikolas Vitaliti" userId="8c720cfb-423e-41d2-902f-4cf486698773" providerId="ADAL" clId="{2D67DE44-C58E-4A57-8D0C-F809935F85CE}" dt="2022-12-18T10:45:00.121" v="3301" actId="1076"/>
          <ac:cxnSpMkLst>
            <pc:docMk/>
            <pc:sldMk cId="2705051400" sldId="288"/>
            <ac:cxnSpMk id="33" creationId="{EE46658F-86BB-CC75-DE4E-CBB4B83F89F9}"/>
          </ac:cxnSpMkLst>
        </pc:cxnChg>
        <pc:cxnChg chg="mod">
          <ac:chgData name="Nikolas Vitaliti" userId="8c720cfb-423e-41d2-902f-4cf486698773" providerId="ADAL" clId="{2D67DE44-C58E-4A57-8D0C-F809935F85CE}" dt="2022-12-18T10:45:08.511" v="3302" actId="1076"/>
          <ac:cxnSpMkLst>
            <pc:docMk/>
            <pc:sldMk cId="2705051400" sldId="288"/>
            <ac:cxnSpMk id="222" creationId="{DF6AEB03-F6E2-594A-B63C-E75DF58E7E8F}"/>
          </ac:cxnSpMkLst>
        </pc:cxnChg>
        <pc:cxnChg chg="mod">
          <ac:chgData name="Nikolas Vitaliti" userId="8c720cfb-423e-41d2-902f-4cf486698773" providerId="ADAL" clId="{2D67DE44-C58E-4A57-8D0C-F809935F85CE}" dt="2022-12-18T10:44:47.319" v="3296" actId="1076"/>
          <ac:cxnSpMkLst>
            <pc:docMk/>
            <pc:sldMk cId="2705051400" sldId="288"/>
            <ac:cxnSpMk id="231" creationId="{81E4C28E-1ECA-39A0-17CF-6A559D4E91A6}"/>
          </ac:cxnSpMkLst>
        </pc:cxnChg>
      </pc:sldChg>
      <pc:sldChg chg="addSp delSp modSp mod">
        <pc:chgData name="Nikolas Vitaliti" userId="8c720cfb-423e-41d2-902f-4cf486698773" providerId="ADAL" clId="{2D67DE44-C58E-4A57-8D0C-F809935F85CE}" dt="2022-12-18T10:09:00.215" v="3127" actId="9405"/>
        <pc:sldMkLst>
          <pc:docMk/>
          <pc:sldMk cId="369920992" sldId="289"/>
        </pc:sldMkLst>
        <pc:spChg chg="del mod">
          <ac:chgData name="Nikolas Vitaliti" userId="8c720cfb-423e-41d2-902f-4cf486698773" providerId="ADAL" clId="{2D67DE44-C58E-4A57-8D0C-F809935F85CE}" dt="2022-12-17T10:10:01.424" v="1596" actId="478"/>
          <ac:spMkLst>
            <pc:docMk/>
            <pc:sldMk cId="369920992" sldId="289"/>
            <ac:spMk id="2" creationId="{CE6F3AED-8882-D3C9-550E-F86E596403E0}"/>
          </ac:spMkLst>
        </pc:spChg>
        <pc:spChg chg="mod">
          <ac:chgData name="Nikolas Vitaliti" userId="8c720cfb-423e-41d2-902f-4cf486698773" providerId="ADAL" clId="{2D67DE44-C58E-4A57-8D0C-F809935F85CE}" dt="2022-12-17T09:57:32.766" v="1577" actId="1076"/>
          <ac:spMkLst>
            <pc:docMk/>
            <pc:sldMk cId="369920992" sldId="289"/>
            <ac:spMk id="3" creationId="{755D2C2B-933D-18D7-D17E-AD12666CC63A}"/>
          </ac:spMkLst>
        </pc:spChg>
        <pc:spChg chg="mod">
          <ac:chgData name="Nikolas Vitaliti" userId="8c720cfb-423e-41d2-902f-4cf486698773" providerId="ADAL" clId="{2D67DE44-C58E-4A57-8D0C-F809935F85CE}" dt="2022-12-17T10:08:52.485" v="1579" actId="207"/>
          <ac:spMkLst>
            <pc:docMk/>
            <pc:sldMk cId="369920992" sldId="289"/>
            <ac:spMk id="10" creationId="{9360C555-4B39-5F64-7D29-B1757BC92148}"/>
          </ac:spMkLst>
        </pc:spChg>
        <pc:spChg chg="add mod">
          <ac:chgData name="Nikolas Vitaliti" userId="8c720cfb-423e-41d2-902f-4cf486698773" providerId="ADAL" clId="{2D67DE44-C58E-4A57-8D0C-F809935F85CE}" dt="2022-12-17T10:10:04.674" v="1598" actId="14100"/>
          <ac:spMkLst>
            <pc:docMk/>
            <pc:sldMk cId="369920992" sldId="289"/>
            <ac:spMk id="12" creationId="{35DD6D34-9D6F-7E5E-A5BD-E76B76B4FD90}"/>
          </ac:spMkLst>
        </pc:spChg>
        <pc:spChg chg="mod">
          <ac:chgData name="Nikolas Vitaliti" userId="8c720cfb-423e-41d2-902f-4cf486698773" providerId="ADAL" clId="{2D67DE44-C58E-4A57-8D0C-F809935F85CE}" dt="2022-12-17T10:09:18.063" v="1580" actId="207"/>
          <ac:spMkLst>
            <pc:docMk/>
            <pc:sldMk cId="369920992" sldId="289"/>
            <ac:spMk id="19" creationId="{54A56871-9B96-F2F8-A90E-5E36D2C2DA63}"/>
          </ac:spMkLst>
        </pc:spChg>
        <pc:spChg chg="mod">
          <ac:chgData name="Nikolas Vitaliti" userId="8c720cfb-423e-41d2-902f-4cf486698773" providerId="ADAL" clId="{2D67DE44-C58E-4A57-8D0C-F809935F85CE}" dt="2022-12-17T10:09:22.386" v="1581" actId="207"/>
          <ac:spMkLst>
            <pc:docMk/>
            <pc:sldMk cId="369920992" sldId="289"/>
            <ac:spMk id="20" creationId="{12598249-373C-5376-E1BA-A41FDE9CE2A8}"/>
          </ac:spMkLst>
        </pc:spChg>
        <pc:spChg chg="add mod">
          <ac:chgData name="Nikolas Vitaliti" userId="8c720cfb-423e-41d2-902f-4cf486698773" providerId="ADAL" clId="{2D67DE44-C58E-4A57-8D0C-F809935F85CE}" dt="2022-12-17T10:09:58.051" v="1595"/>
          <ac:spMkLst>
            <pc:docMk/>
            <pc:sldMk cId="369920992" sldId="289"/>
            <ac:spMk id="21" creationId="{402550DC-AFB0-03A8-10BA-8A533B8A354E}"/>
          </ac:spMkLst>
        </pc:spChg>
        <pc:spChg chg="add mod">
          <ac:chgData name="Nikolas Vitaliti" userId="8c720cfb-423e-41d2-902f-4cf486698773" providerId="ADAL" clId="{2D67DE44-C58E-4A57-8D0C-F809935F85CE}" dt="2022-12-17T11:06:49.725" v="1965" actId="20577"/>
          <ac:spMkLst>
            <pc:docMk/>
            <pc:sldMk cId="369920992" sldId="289"/>
            <ac:spMk id="26" creationId="{F64038CB-BC23-C4F3-2CAE-A878D2B7D7B1}"/>
          </ac:spMkLst>
        </pc:spChg>
        <pc:graphicFrameChg chg="add mod modGraphic">
          <ac:chgData name="Nikolas Vitaliti" userId="8c720cfb-423e-41d2-902f-4cf486698773" providerId="ADAL" clId="{2D67DE44-C58E-4A57-8D0C-F809935F85CE}" dt="2022-12-17T10:26:04.971" v="1828"/>
          <ac:graphicFrameMkLst>
            <pc:docMk/>
            <pc:sldMk cId="369920992" sldId="289"/>
            <ac:graphicFrameMk id="23" creationId="{8B5076B4-0E63-F63A-4924-0FB3ABDCA5E1}"/>
          </ac:graphicFrameMkLst>
        </pc:graphicFrameChg>
        <pc:picChg chg="add mod">
          <ac:chgData name="Nikolas Vitaliti" userId="8c720cfb-423e-41d2-902f-4cf486698773" providerId="ADAL" clId="{2D67DE44-C58E-4A57-8D0C-F809935F85CE}" dt="2022-12-17T09:06:44.896" v="609" actId="1076"/>
          <ac:picMkLst>
            <pc:docMk/>
            <pc:sldMk cId="369920992" sldId="289"/>
            <ac:picMk id="6" creationId="{DB0FFDF6-E91B-F245-5027-087746D43206}"/>
          </ac:picMkLst>
        </pc:picChg>
        <pc:picChg chg="mod">
          <ac:chgData name="Nikolas Vitaliti" userId="8c720cfb-423e-41d2-902f-4cf486698773" providerId="ADAL" clId="{2D67DE44-C58E-4A57-8D0C-F809935F85CE}" dt="2022-12-17T10:53:12.032" v="1906" actId="1076"/>
          <ac:picMkLst>
            <pc:docMk/>
            <pc:sldMk cId="369920992" sldId="289"/>
            <ac:picMk id="7" creationId="{3A5A80D0-44B2-9886-BED5-08BCB0ACA9A5}"/>
          </ac:picMkLst>
        </pc:picChg>
        <pc:picChg chg="add mod">
          <ac:chgData name="Nikolas Vitaliti" userId="8c720cfb-423e-41d2-902f-4cf486698773" providerId="ADAL" clId="{2D67DE44-C58E-4A57-8D0C-F809935F85CE}" dt="2022-12-17T09:07:39.029" v="611" actId="1076"/>
          <ac:picMkLst>
            <pc:docMk/>
            <pc:sldMk cId="369920992" sldId="289"/>
            <ac:picMk id="8" creationId="{B87AE016-A248-4E26-C400-7E6C7C448B5C}"/>
          </ac:picMkLst>
        </pc:picChg>
        <pc:picChg chg="add mod">
          <ac:chgData name="Nikolas Vitaliti" userId="8c720cfb-423e-41d2-902f-4cf486698773" providerId="ADAL" clId="{2D67DE44-C58E-4A57-8D0C-F809935F85CE}" dt="2022-12-17T10:53:19.707" v="1908" actId="1076"/>
          <ac:picMkLst>
            <pc:docMk/>
            <pc:sldMk cId="369920992" sldId="289"/>
            <ac:picMk id="25" creationId="{92EF418C-F6F2-576D-EBA1-733B03DAF638}"/>
          </ac:picMkLst>
        </pc:picChg>
        <pc:inkChg chg="add">
          <ac:chgData name="Nikolas Vitaliti" userId="8c720cfb-423e-41d2-902f-4cf486698773" providerId="ADAL" clId="{2D67DE44-C58E-4A57-8D0C-F809935F85CE}" dt="2022-12-18T10:09:00.215" v="3127" actId="9405"/>
          <ac:inkMkLst>
            <pc:docMk/>
            <pc:sldMk cId="369920992" sldId="289"/>
            <ac:inkMk id="2" creationId="{D4A432D0-E625-02B2-B2A8-E49610C35C6F}"/>
          </ac:inkMkLst>
        </pc:inkChg>
      </pc:sldChg>
      <pc:sldChg chg="new del">
        <pc:chgData name="Nikolas Vitaliti" userId="8c720cfb-423e-41d2-902f-4cf486698773" providerId="ADAL" clId="{2D67DE44-C58E-4A57-8D0C-F809935F85CE}" dt="2022-12-17T08:42:08.976" v="4" actId="47"/>
        <pc:sldMkLst>
          <pc:docMk/>
          <pc:sldMk cId="77944079" sldId="290"/>
        </pc:sldMkLst>
      </pc:sldChg>
      <pc:sldChg chg="addSp delSp modSp new mod">
        <pc:chgData name="Nikolas Vitaliti" userId="8c720cfb-423e-41d2-902f-4cf486698773" providerId="ADAL" clId="{2D67DE44-C58E-4A57-8D0C-F809935F85CE}" dt="2022-12-18T10:06:39.052" v="3126" actId="20577"/>
        <pc:sldMkLst>
          <pc:docMk/>
          <pc:sldMk cId="4263034455" sldId="290"/>
        </pc:sldMkLst>
        <pc:spChg chg="del">
          <ac:chgData name="Nikolas Vitaliti" userId="8c720cfb-423e-41d2-902f-4cf486698773" providerId="ADAL" clId="{2D67DE44-C58E-4A57-8D0C-F809935F85CE}" dt="2022-12-17T08:43:16.663" v="10" actId="478"/>
          <ac:spMkLst>
            <pc:docMk/>
            <pc:sldMk cId="4263034455" sldId="290"/>
            <ac:spMk id="2" creationId="{6490CC40-F781-25D7-9D96-9501D223DB35}"/>
          </ac:spMkLst>
        </pc:spChg>
        <pc:spChg chg="del">
          <ac:chgData name="Nikolas Vitaliti" userId="8c720cfb-423e-41d2-902f-4cf486698773" providerId="ADAL" clId="{2D67DE44-C58E-4A57-8D0C-F809935F85CE}" dt="2022-12-17T08:42:12.083" v="6" actId="22"/>
          <ac:spMkLst>
            <pc:docMk/>
            <pc:sldMk cId="4263034455" sldId="290"/>
            <ac:spMk id="3" creationId="{3354A1A0-18EA-76F7-1771-C8B487AC6401}"/>
          </ac:spMkLst>
        </pc:spChg>
        <pc:spChg chg="del">
          <ac:chgData name="Nikolas Vitaliti" userId="8c720cfb-423e-41d2-902f-4cf486698773" providerId="ADAL" clId="{2D67DE44-C58E-4A57-8D0C-F809935F85CE}" dt="2022-12-18T09:39:33.843" v="2696" actId="478"/>
          <ac:spMkLst>
            <pc:docMk/>
            <pc:sldMk cId="4263034455" sldId="290"/>
            <ac:spMk id="4" creationId="{FAC4970E-640D-154F-EDE4-5668D2AE96F1}"/>
          </ac:spMkLst>
        </pc:spChg>
        <pc:spChg chg="add del mod">
          <ac:chgData name="Nikolas Vitaliti" userId="8c720cfb-423e-41d2-902f-4cf486698773" providerId="ADAL" clId="{2D67DE44-C58E-4A57-8D0C-F809935F85CE}" dt="2022-12-18T09:39:30.504" v="2695" actId="478"/>
          <ac:spMkLst>
            <pc:docMk/>
            <pc:sldMk cId="4263034455" sldId="290"/>
            <ac:spMk id="6" creationId="{DD4147B8-BC31-C3BD-8DAC-FD2517B72961}"/>
          </ac:spMkLst>
        </pc:spChg>
        <pc:spChg chg="add mod">
          <ac:chgData name="Nikolas Vitaliti" userId="8c720cfb-423e-41d2-902f-4cf486698773" providerId="ADAL" clId="{2D67DE44-C58E-4A57-8D0C-F809935F85CE}" dt="2022-12-17T09:29:43.580" v="1090" actId="1076"/>
          <ac:spMkLst>
            <pc:docMk/>
            <pc:sldMk cId="4263034455" sldId="290"/>
            <ac:spMk id="7" creationId="{A4A2326E-D6A5-8BE7-E288-D90E227ACDBE}"/>
          </ac:spMkLst>
        </pc:spChg>
        <pc:spChg chg="add mod">
          <ac:chgData name="Nikolas Vitaliti" userId="8c720cfb-423e-41d2-902f-4cf486698773" providerId="ADAL" clId="{2D67DE44-C58E-4A57-8D0C-F809935F85CE}" dt="2022-12-17T09:29:43.580" v="1090" actId="1076"/>
          <ac:spMkLst>
            <pc:docMk/>
            <pc:sldMk cId="4263034455" sldId="290"/>
            <ac:spMk id="8" creationId="{916EA8E2-DC46-4D2B-E433-0A6C9E137A5F}"/>
          </ac:spMkLst>
        </pc:spChg>
        <pc:spChg chg="add mod">
          <ac:chgData name="Nikolas Vitaliti" userId="8c720cfb-423e-41d2-902f-4cf486698773" providerId="ADAL" clId="{2D67DE44-C58E-4A57-8D0C-F809935F85CE}" dt="2022-12-18T10:06:39.052" v="3126" actId="20577"/>
          <ac:spMkLst>
            <pc:docMk/>
            <pc:sldMk cId="4263034455" sldId="290"/>
            <ac:spMk id="9" creationId="{704D86F0-450B-535B-A51E-035678B14E5A}"/>
          </ac:spMkLst>
        </pc:spChg>
        <pc:spChg chg="add del mod">
          <ac:chgData name="Nikolas Vitaliti" userId="8c720cfb-423e-41d2-902f-4cf486698773" providerId="ADAL" clId="{2D67DE44-C58E-4A57-8D0C-F809935F85CE}" dt="2022-12-18T09:39:37.709" v="2698" actId="478"/>
          <ac:spMkLst>
            <pc:docMk/>
            <pc:sldMk cId="4263034455" sldId="290"/>
            <ac:spMk id="11" creationId="{07FD29F6-7699-A6CC-63EB-C48699184B04}"/>
          </ac:spMkLst>
        </pc:spChg>
        <pc:spChg chg="add mod">
          <ac:chgData name="Nikolas Vitaliti" userId="8c720cfb-423e-41d2-902f-4cf486698773" providerId="ADAL" clId="{2D67DE44-C58E-4A57-8D0C-F809935F85CE}" dt="2022-12-18T09:39:53.489" v="2699" actId="1076"/>
          <ac:spMkLst>
            <pc:docMk/>
            <pc:sldMk cId="4263034455" sldId="290"/>
            <ac:spMk id="14" creationId="{6FEDBB0C-91E7-01CD-CC25-9BE7AF27CD33}"/>
          </ac:spMkLst>
        </pc:spChg>
        <pc:spChg chg="add mod">
          <ac:chgData name="Nikolas Vitaliti" userId="8c720cfb-423e-41d2-902f-4cf486698773" providerId="ADAL" clId="{2D67DE44-C58E-4A57-8D0C-F809935F85CE}" dt="2022-12-18T09:39:53.489" v="2699" actId="1076"/>
          <ac:spMkLst>
            <pc:docMk/>
            <pc:sldMk cId="4263034455" sldId="290"/>
            <ac:spMk id="15" creationId="{8B3670CD-68E8-0F95-04D4-13DAD8F7F95E}"/>
          </ac:spMkLst>
        </pc:spChg>
        <pc:spChg chg="add mod">
          <ac:chgData name="Nikolas Vitaliti" userId="8c720cfb-423e-41d2-902f-4cf486698773" providerId="ADAL" clId="{2D67DE44-C58E-4A57-8D0C-F809935F85CE}" dt="2022-12-18T09:39:53.489" v="2699" actId="1076"/>
          <ac:spMkLst>
            <pc:docMk/>
            <pc:sldMk cId="4263034455" sldId="290"/>
            <ac:spMk id="16" creationId="{C9C4A8D2-0986-473F-38CF-AB18B00CF7C6}"/>
          </ac:spMkLst>
        </pc:spChg>
        <pc:spChg chg="add mod">
          <ac:chgData name="Nikolas Vitaliti" userId="8c720cfb-423e-41d2-902f-4cf486698773" providerId="ADAL" clId="{2D67DE44-C58E-4A57-8D0C-F809935F85CE}" dt="2022-12-17T09:28:47.302" v="1079" actId="14100"/>
          <ac:spMkLst>
            <pc:docMk/>
            <pc:sldMk cId="4263034455" sldId="290"/>
            <ac:spMk id="17" creationId="{5DE7FC5A-172E-5A46-4F92-3E25359B3F75}"/>
          </ac:spMkLst>
        </pc:spChg>
        <pc:picChg chg="del">
          <ac:chgData name="Nikolas Vitaliti" userId="8c720cfb-423e-41d2-902f-4cf486698773" providerId="ADAL" clId="{2D67DE44-C58E-4A57-8D0C-F809935F85CE}" dt="2022-12-18T09:39:33.843" v="2696" actId="478"/>
          <ac:picMkLst>
            <pc:docMk/>
            <pc:sldMk cId="4263034455" sldId="290"/>
            <ac:picMk id="2" creationId="{777B95D2-F2E3-8A01-A3EF-6303E8B27F4A}"/>
          </ac:picMkLst>
        </pc:picChg>
        <pc:picChg chg="del">
          <ac:chgData name="Nikolas Vitaliti" userId="8c720cfb-423e-41d2-902f-4cf486698773" providerId="ADAL" clId="{2D67DE44-C58E-4A57-8D0C-F809935F85CE}" dt="2022-12-18T09:39:33.843" v="2696" actId="478"/>
          <ac:picMkLst>
            <pc:docMk/>
            <pc:sldMk cId="4263034455" sldId="290"/>
            <ac:picMk id="3" creationId="{A2F8FA7F-4327-F1DA-8A42-E83640D70E2B}"/>
          </ac:picMkLst>
        </pc:picChg>
        <pc:picChg chg="del">
          <ac:chgData name="Nikolas Vitaliti" userId="8c720cfb-423e-41d2-902f-4cf486698773" providerId="ADAL" clId="{2D67DE44-C58E-4A57-8D0C-F809935F85CE}" dt="2022-12-18T09:39:30.504" v="2695" actId="478"/>
          <ac:picMkLst>
            <pc:docMk/>
            <pc:sldMk cId="4263034455" sldId="290"/>
            <ac:picMk id="5" creationId="{2FEDF80A-5BA0-2FA1-BB63-85288C5E28B2}"/>
          </ac:picMkLst>
        </pc:picChg>
        <pc:picChg chg="add mod ord">
          <ac:chgData name="Nikolas Vitaliti" userId="8c720cfb-423e-41d2-902f-4cf486698773" providerId="ADAL" clId="{2D67DE44-C58E-4A57-8D0C-F809935F85CE}" dt="2022-12-17T09:29:26.380" v="1088" actId="1076"/>
          <ac:picMkLst>
            <pc:docMk/>
            <pc:sldMk cId="4263034455" sldId="290"/>
            <ac:picMk id="6" creationId="{5129BBDF-BF08-BD5B-37D4-6B23DEFCBF01}"/>
          </ac:picMkLst>
        </pc:picChg>
        <pc:picChg chg="del">
          <ac:chgData name="Nikolas Vitaliti" userId="8c720cfb-423e-41d2-902f-4cf486698773" providerId="ADAL" clId="{2D67DE44-C58E-4A57-8D0C-F809935F85CE}" dt="2022-12-18T09:39:30.504" v="2695" actId="478"/>
          <ac:picMkLst>
            <pc:docMk/>
            <pc:sldMk cId="4263034455" sldId="290"/>
            <ac:picMk id="10" creationId="{648A849C-A31A-4BE0-4E55-B825C7EAB06C}"/>
          </ac:picMkLst>
        </pc:picChg>
        <pc:picChg chg="add del mod">
          <ac:chgData name="Nikolas Vitaliti" userId="8c720cfb-423e-41d2-902f-4cf486698773" providerId="ADAL" clId="{2D67DE44-C58E-4A57-8D0C-F809935F85CE}" dt="2022-12-18T09:39:30.504" v="2695" actId="478"/>
          <ac:picMkLst>
            <pc:docMk/>
            <pc:sldMk cId="4263034455" sldId="290"/>
            <ac:picMk id="17" creationId="{6ECA6484-5932-4B94-6FFD-5921325B91EF}"/>
          </ac:picMkLst>
        </pc:picChg>
        <pc:picChg chg="add del mod">
          <ac:chgData name="Nikolas Vitaliti" userId="8c720cfb-423e-41d2-902f-4cf486698773" providerId="ADAL" clId="{2D67DE44-C58E-4A57-8D0C-F809935F85CE}" dt="2022-12-18T09:39:30.504" v="2695" actId="478"/>
          <ac:picMkLst>
            <pc:docMk/>
            <pc:sldMk cId="4263034455" sldId="290"/>
            <ac:picMk id="18" creationId="{D664F4AE-BF7C-B171-2FC7-0FCD7BB8081E}"/>
          </ac:picMkLst>
        </pc:picChg>
        <pc:picChg chg="add del mod">
          <ac:chgData name="Nikolas Vitaliti" userId="8c720cfb-423e-41d2-902f-4cf486698773" providerId="ADAL" clId="{2D67DE44-C58E-4A57-8D0C-F809935F85CE}" dt="2022-12-18T09:39:30.504" v="2695" actId="478"/>
          <ac:picMkLst>
            <pc:docMk/>
            <pc:sldMk cId="4263034455" sldId="290"/>
            <ac:picMk id="19" creationId="{5A4211E1-6325-3BC2-1534-6D1AAB596940}"/>
          </ac:picMkLst>
        </pc:picChg>
        <pc:picChg chg="add del mod">
          <ac:chgData name="Nikolas Vitaliti" userId="8c720cfb-423e-41d2-902f-4cf486698773" providerId="ADAL" clId="{2D67DE44-C58E-4A57-8D0C-F809935F85CE}" dt="2022-12-18T10:01:41.149" v="3107" actId="21"/>
          <ac:picMkLst>
            <pc:docMk/>
            <pc:sldMk cId="4263034455" sldId="290"/>
            <ac:picMk id="20" creationId="{75D46DCA-CFE1-A0E8-68C7-641125142025}"/>
          </ac:picMkLst>
        </pc:picChg>
        <pc:picChg chg="del">
          <ac:chgData name="Nikolas Vitaliti" userId="8c720cfb-423e-41d2-902f-4cf486698773" providerId="ADAL" clId="{2D67DE44-C58E-4A57-8D0C-F809935F85CE}" dt="2022-12-18T09:39:33.843" v="2696" actId="478"/>
          <ac:picMkLst>
            <pc:docMk/>
            <pc:sldMk cId="4263034455" sldId="290"/>
            <ac:picMk id="22" creationId="{73FE26F7-09DA-C527-EFD4-F32DB546D364}"/>
          </ac:picMkLst>
        </pc:picChg>
        <pc:picChg chg="del">
          <ac:chgData name="Nikolas Vitaliti" userId="8c720cfb-423e-41d2-902f-4cf486698773" providerId="ADAL" clId="{2D67DE44-C58E-4A57-8D0C-F809935F85CE}" dt="2022-12-18T09:39:33.843" v="2696" actId="478"/>
          <ac:picMkLst>
            <pc:docMk/>
            <pc:sldMk cId="4263034455" sldId="290"/>
            <ac:picMk id="23" creationId="{646FF2EF-F562-7EF0-6E5E-E194735F6D0A}"/>
          </ac:picMkLst>
        </pc:picChg>
        <pc:picChg chg="add del">
          <ac:chgData name="Nikolas Vitaliti" userId="8c720cfb-423e-41d2-902f-4cf486698773" providerId="ADAL" clId="{2D67DE44-C58E-4A57-8D0C-F809935F85CE}" dt="2022-12-17T09:26:53.792" v="1055"/>
          <ac:picMkLst>
            <pc:docMk/>
            <pc:sldMk cId="4263034455" sldId="290"/>
            <ac:picMk id="1026" creationId="{B32D2D65-4DA6-40EC-EE79-5146FE8CC77B}"/>
          </ac:picMkLst>
        </pc:picChg>
        <pc:cxnChg chg="add del mod">
          <ac:chgData name="Nikolas Vitaliti" userId="8c720cfb-423e-41d2-902f-4cf486698773" providerId="ADAL" clId="{2D67DE44-C58E-4A57-8D0C-F809935F85CE}" dt="2022-12-18T09:39:30.504" v="2695" actId="478"/>
          <ac:cxnSpMkLst>
            <pc:docMk/>
            <pc:sldMk cId="4263034455" sldId="290"/>
            <ac:cxnSpMk id="12" creationId="{44039E67-13FF-A6CC-0640-8732AB7BED3F}"/>
          </ac:cxnSpMkLst>
        </pc:cxnChg>
        <pc:cxnChg chg="add mod">
          <ac:chgData name="Nikolas Vitaliti" userId="8c720cfb-423e-41d2-902f-4cf486698773" providerId="ADAL" clId="{2D67DE44-C58E-4A57-8D0C-F809935F85CE}" dt="2022-12-18T09:39:22.103" v="2693" actId="1076"/>
          <ac:cxnSpMkLst>
            <pc:docMk/>
            <pc:sldMk cId="4263034455" sldId="290"/>
            <ac:cxnSpMk id="13" creationId="{F575A8B3-C36F-FD52-6E0C-1B4CA5DBBEE6}"/>
          </ac:cxnSpMkLst>
        </pc:cxnChg>
      </pc:sldChg>
      <pc:sldChg chg="addSp delSp modSp new mod">
        <pc:chgData name="Nikolas Vitaliti" userId="8c720cfb-423e-41d2-902f-4cf486698773" providerId="ADAL" clId="{2D67DE44-C58E-4A57-8D0C-F809935F85CE}" dt="2022-12-18T12:07:06.118" v="4192" actId="207"/>
        <pc:sldMkLst>
          <pc:docMk/>
          <pc:sldMk cId="391854903" sldId="291"/>
        </pc:sldMkLst>
        <pc:spChg chg="del">
          <ac:chgData name="Nikolas Vitaliti" userId="8c720cfb-423e-41d2-902f-4cf486698773" providerId="ADAL" clId="{2D67DE44-C58E-4A57-8D0C-F809935F85CE}" dt="2022-12-17T09:30:13.481" v="1096" actId="478"/>
          <ac:spMkLst>
            <pc:docMk/>
            <pc:sldMk cId="391854903" sldId="291"/>
            <ac:spMk id="2" creationId="{7539E62D-FFC7-D687-2217-68D61DBD11A3}"/>
          </ac:spMkLst>
        </pc:spChg>
        <pc:spChg chg="del">
          <ac:chgData name="Nikolas Vitaliti" userId="8c720cfb-423e-41d2-902f-4cf486698773" providerId="ADAL" clId="{2D67DE44-C58E-4A57-8D0C-F809935F85CE}" dt="2022-12-17T09:30:18.907" v="1097" actId="478"/>
          <ac:spMkLst>
            <pc:docMk/>
            <pc:sldMk cId="391854903" sldId="291"/>
            <ac:spMk id="3" creationId="{0D9F3C94-8CF1-CDCA-9AEC-7F371EDA0D8B}"/>
          </ac:spMkLst>
        </pc:spChg>
        <pc:spChg chg="add del mod">
          <ac:chgData name="Nikolas Vitaliti" userId="8c720cfb-423e-41d2-902f-4cf486698773" providerId="ADAL" clId="{2D67DE44-C58E-4A57-8D0C-F809935F85CE}" dt="2022-12-17T09:30:06.287" v="1093"/>
          <ac:spMkLst>
            <pc:docMk/>
            <pc:sldMk cId="391854903" sldId="291"/>
            <ac:spMk id="5" creationId="{1F044AE9-B0C0-D502-8DB1-9E605FD05383}"/>
          </ac:spMkLst>
        </pc:spChg>
        <pc:spChg chg="add del mod">
          <ac:chgData name="Nikolas Vitaliti" userId="8c720cfb-423e-41d2-902f-4cf486698773" providerId="ADAL" clId="{2D67DE44-C58E-4A57-8D0C-F809935F85CE}" dt="2022-12-17T09:31:51.159" v="1128" actId="478"/>
          <ac:spMkLst>
            <pc:docMk/>
            <pc:sldMk cId="391854903" sldId="291"/>
            <ac:spMk id="6" creationId="{ECF96771-AA80-B3F1-421D-C280B3F45E30}"/>
          </ac:spMkLst>
        </pc:spChg>
        <pc:spChg chg="add del mod">
          <ac:chgData name="Nikolas Vitaliti" userId="8c720cfb-423e-41d2-902f-4cf486698773" providerId="ADAL" clId="{2D67DE44-C58E-4A57-8D0C-F809935F85CE}" dt="2022-12-17T09:31:52.671" v="1129" actId="478"/>
          <ac:spMkLst>
            <pc:docMk/>
            <pc:sldMk cId="391854903" sldId="291"/>
            <ac:spMk id="7" creationId="{51177067-3606-937E-3CB8-0B1400032EBD}"/>
          </ac:spMkLst>
        </pc:spChg>
        <pc:spChg chg="add mod">
          <ac:chgData name="Nikolas Vitaliti" userId="8c720cfb-423e-41d2-902f-4cf486698773" providerId="ADAL" clId="{2D67DE44-C58E-4A57-8D0C-F809935F85CE}" dt="2022-12-17T09:33:21.635" v="1153" actId="1076"/>
          <ac:spMkLst>
            <pc:docMk/>
            <pc:sldMk cId="391854903" sldId="291"/>
            <ac:spMk id="8" creationId="{4F682E64-D8FC-7A1B-BCC8-D55FBB7E64DC}"/>
          </ac:spMkLst>
        </pc:spChg>
        <pc:spChg chg="add mod">
          <ac:chgData name="Nikolas Vitaliti" userId="8c720cfb-423e-41d2-902f-4cf486698773" providerId="ADAL" clId="{2D67DE44-C58E-4A57-8D0C-F809935F85CE}" dt="2022-12-17T09:44:50.064" v="1345" actId="1076"/>
          <ac:spMkLst>
            <pc:docMk/>
            <pc:sldMk cId="391854903" sldId="291"/>
            <ac:spMk id="9" creationId="{1830D1CE-13A1-7505-0B3F-557004E46C94}"/>
          </ac:spMkLst>
        </pc:spChg>
        <pc:spChg chg="add mod">
          <ac:chgData name="Nikolas Vitaliti" userId="8c720cfb-423e-41d2-902f-4cf486698773" providerId="ADAL" clId="{2D67DE44-C58E-4A57-8D0C-F809935F85CE}" dt="2022-12-17T09:44:55.102" v="1347" actId="1076"/>
          <ac:spMkLst>
            <pc:docMk/>
            <pc:sldMk cId="391854903" sldId="291"/>
            <ac:spMk id="13" creationId="{AA4DCB75-53AC-4898-29C1-22F460965348}"/>
          </ac:spMkLst>
        </pc:spChg>
        <pc:spChg chg="add mod">
          <ac:chgData name="Nikolas Vitaliti" userId="8c720cfb-423e-41d2-902f-4cf486698773" providerId="ADAL" clId="{2D67DE44-C58E-4A57-8D0C-F809935F85CE}" dt="2022-12-18T12:07:06.118" v="4192" actId="207"/>
          <ac:spMkLst>
            <pc:docMk/>
            <pc:sldMk cId="391854903" sldId="291"/>
            <ac:spMk id="14" creationId="{547F2B71-D777-41FD-BB14-26DEF7B37C9F}"/>
          </ac:spMkLst>
        </pc:spChg>
        <pc:spChg chg="add mod">
          <ac:chgData name="Nikolas Vitaliti" userId="8c720cfb-423e-41d2-902f-4cf486698773" providerId="ADAL" clId="{2D67DE44-C58E-4A57-8D0C-F809935F85CE}" dt="2022-12-17T09:37:49.541" v="1223" actId="20577"/>
          <ac:spMkLst>
            <pc:docMk/>
            <pc:sldMk cId="391854903" sldId="291"/>
            <ac:spMk id="23" creationId="{43B47BD7-B909-757A-0131-1697527D6EBA}"/>
          </ac:spMkLst>
        </pc:spChg>
        <pc:spChg chg="add del mod">
          <ac:chgData name="Nikolas Vitaliti" userId="8c720cfb-423e-41d2-902f-4cf486698773" providerId="ADAL" clId="{2D67DE44-C58E-4A57-8D0C-F809935F85CE}" dt="2022-12-17T09:38:21.662" v="1226" actId="478"/>
          <ac:spMkLst>
            <pc:docMk/>
            <pc:sldMk cId="391854903" sldId="291"/>
            <ac:spMk id="24" creationId="{E6161A6F-8694-8933-F9DB-C401FF45D324}"/>
          </ac:spMkLst>
        </pc:spChg>
        <pc:spChg chg="add del mod">
          <ac:chgData name="Nikolas Vitaliti" userId="8c720cfb-423e-41d2-902f-4cf486698773" providerId="ADAL" clId="{2D67DE44-C58E-4A57-8D0C-F809935F85CE}" dt="2022-12-17T09:38:23.914" v="1227" actId="478"/>
          <ac:spMkLst>
            <pc:docMk/>
            <pc:sldMk cId="391854903" sldId="291"/>
            <ac:spMk id="25" creationId="{A0A1F108-DC7F-4188-2856-8C9269F255E4}"/>
          </ac:spMkLst>
        </pc:spChg>
        <pc:spChg chg="add mod">
          <ac:chgData name="Nikolas Vitaliti" userId="8c720cfb-423e-41d2-902f-4cf486698773" providerId="ADAL" clId="{2D67DE44-C58E-4A57-8D0C-F809935F85CE}" dt="2022-12-17T09:42:04.365" v="1304" actId="1076"/>
          <ac:spMkLst>
            <pc:docMk/>
            <pc:sldMk cId="391854903" sldId="291"/>
            <ac:spMk id="34" creationId="{81D576ED-81FB-FF17-7FED-F5D30A940E3A}"/>
          </ac:spMkLst>
        </pc:spChg>
        <pc:spChg chg="add mod">
          <ac:chgData name="Nikolas Vitaliti" userId="8c720cfb-423e-41d2-902f-4cf486698773" providerId="ADAL" clId="{2D67DE44-C58E-4A57-8D0C-F809935F85CE}" dt="2022-12-17T09:43:53.165" v="1342" actId="14100"/>
          <ac:spMkLst>
            <pc:docMk/>
            <pc:sldMk cId="391854903" sldId="291"/>
            <ac:spMk id="35" creationId="{2F84B3B2-E9B0-ADEB-8B3C-5800A7761ADE}"/>
          </ac:spMkLst>
        </pc:spChg>
        <pc:spChg chg="add mod">
          <ac:chgData name="Nikolas Vitaliti" userId="8c720cfb-423e-41d2-902f-4cf486698773" providerId="ADAL" clId="{2D67DE44-C58E-4A57-8D0C-F809935F85CE}" dt="2022-12-17T09:43:18.652" v="1332" actId="1076"/>
          <ac:spMkLst>
            <pc:docMk/>
            <pc:sldMk cId="391854903" sldId="291"/>
            <ac:spMk id="37" creationId="{0AA48FED-0582-6F32-94C4-FC0E501BE9D0}"/>
          </ac:spMkLst>
        </pc:spChg>
        <pc:spChg chg="add mod">
          <ac:chgData name="Nikolas Vitaliti" userId="8c720cfb-423e-41d2-902f-4cf486698773" providerId="ADAL" clId="{2D67DE44-C58E-4A57-8D0C-F809935F85CE}" dt="2022-12-17T09:43:59.961" v="1343" actId="14100"/>
          <ac:spMkLst>
            <pc:docMk/>
            <pc:sldMk cId="391854903" sldId="291"/>
            <ac:spMk id="42" creationId="{9D10797F-D371-7E76-AE12-A013CD845E05}"/>
          </ac:spMkLst>
        </pc:spChg>
        <pc:spChg chg="add mod">
          <ac:chgData name="Nikolas Vitaliti" userId="8c720cfb-423e-41d2-902f-4cf486698773" providerId="ADAL" clId="{2D67DE44-C58E-4A57-8D0C-F809935F85CE}" dt="2022-12-17T09:47:53.383" v="1364" actId="14100"/>
          <ac:spMkLst>
            <pc:docMk/>
            <pc:sldMk cId="391854903" sldId="291"/>
            <ac:spMk id="47" creationId="{6D483FDE-3B1F-A68B-3D8B-3C5439566C6D}"/>
          </ac:spMkLst>
        </pc:spChg>
        <pc:spChg chg="add mod">
          <ac:chgData name="Nikolas Vitaliti" userId="8c720cfb-423e-41d2-902f-4cf486698773" providerId="ADAL" clId="{2D67DE44-C58E-4A57-8D0C-F809935F85CE}" dt="2022-12-17T09:47:59.065" v="1367" actId="14100"/>
          <ac:spMkLst>
            <pc:docMk/>
            <pc:sldMk cId="391854903" sldId="291"/>
            <ac:spMk id="48" creationId="{1EA11135-98BC-A282-F4FD-BD07DA2CE8E9}"/>
          </ac:spMkLst>
        </pc:spChg>
        <pc:spChg chg="add mod">
          <ac:chgData name="Nikolas Vitaliti" userId="8c720cfb-423e-41d2-902f-4cf486698773" providerId="ADAL" clId="{2D67DE44-C58E-4A57-8D0C-F809935F85CE}" dt="2022-12-17T09:48:05.463" v="1370" actId="14100"/>
          <ac:spMkLst>
            <pc:docMk/>
            <pc:sldMk cId="391854903" sldId="291"/>
            <ac:spMk id="49" creationId="{59499FBB-AAE3-5FCF-34A7-75AEB552E6D5}"/>
          </ac:spMkLst>
        </pc:spChg>
        <pc:spChg chg="add mod">
          <ac:chgData name="Nikolas Vitaliti" userId="8c720cfb-423e-41d2-902f-4cf486698773" providerId="ADAL" clId="{2D67DE44-C58E-4A57-8D0C-F809935F85CE}" dt="2022-12-17T09:48:50.236" v="1383" actId="14100"/>
          <ac:spMkLst>
            <pc:docMk/>
            <pc:sldMk cId="391854903" sldId="291"/>
            <ac:spMk id="50" creationId="{25B8B62E-4EA6-B4DE-8EFD-2936F4A3AD09}"/>
          </ac:spMkLst>
        </pc:spChg>
        <pc:spChg chg="add del mod">
          <ac:chgData name="Nikolas Vitaliti" userId="8c720cfb-423e-41d2-902f-4cf486698773" providerId="ADAL" clId="{2D67DE44-C58E-4A57-8D0C-F809935F85CE}" dt="2022-12-17T09:48:20.947" v="1375" actId="478"/>
          <ac:spMkLst>
            <pc:docMk/>
            <pc:sldMk cId="391854903" sldId="291"/>
            <ac:spMk id="51" creationId="{87FF4969-D466-25B6-FF0F-6BE5EB95D598}"/>
          </ac:spMkLst>
        </pc:spChg>
        <pc:spChg chg="add mod">
          <ac:chgData name="Nikolas Vitaliti" userId="8c720cfb-423e-41d2-902f-4cf486698773" providerId="ADAL" clId="{2D67DE44-C58E-4A57-8D0C-F809935F85CE}" dt="2022-12-17T09:48:46.495" v="1382" actId="14100"/>
          <ac:spMkLst>
            <pc:docMk/>
            <pc:sldMk cId="391854903" sldId="291"/>
            <ac:spMk id="52" creationId="{19D9F7F6-B16F-B827-A071-AF3151FBCDCD}"/>
          </ac:spMkLst>
        </pc:spChg>
        <pc:spChg chg="add del mod">
          <ac:chgData name="Nikolas Vitaliti" userId="8c720cfb-423e-41d2-902f-4cf486698773" providerId="ADAL" clId="{2D67DE44-C58E-4A57-8D0C-F809935F85CE}" dt="2022-12-18T10:05:21.956" v="3114" actId="21"/>
          <ac:spMkLst>
            <pc:docMk/>
            <pc:sldMk cId="391854903" sldId="291"/>
            <ac:spMk id="54" creationId="{B1B565F2-7C8E-2A7A-008F-3F5AC9B27315}"/>
          </ac:spMkLst>
        </pc:spChg>
        <pc:spChg chg="add del mod">
          <ac:chgData name="Nikolas Vitaliti" userId="8c720cfb-423e-41d2-902f-4cf486698773" providerId="ADAL" clId="{2D67DE44-C58E-4A57-8D0C-F809935F85CE}" dt="2022-12-18T10:05:21.956" v="3114" actId="21"/>
          <ac:spMkLst>
            <pc:docMk/>
            <pc:sldMk cId="391854903" sldId="291"/>
            <ac:spMk id="55" creationId="{6567FA86-42E6-C1A6-9568-EF3AB53638CE}"/>
          </ac:spMkLst>
        </pc:spChg>
        <pc:picChg chg="add del mod">
          <ac:chgData name="Nikolas Vitaliti" userId="8c720cfb-423e-41d2-902f-4cf486698773" providerId="ADAL" clId="{2D67DE44-C58E-4A57-8D0C-F809935F85CE}" dt="2022-12-18T10:00:09.538" v="3090" actId="21"/>
          <ac:picMkLst>
            <pc:docMk/>
            <pc:sldMk cId="391854903" sldId="291"/>
            <ac:picMk id="3" creationId="{B993EB06-0F7F-940B-E58A-059326743046}"/>
          </ac:picMkLst>
        </pc:picChg>
        <pc:picChg chg="add mod">
          <ac:chgData name="Nikolas Vitaliti" userId="8c720cfb-423e-41d2-902f-4cf486698773" providerId="ADAL" clId="{2D67DE44-C58E-4A57-8D0C-F809935F85CE}" dt="2022-12-18T12:06:48.902" v="4189" actId="1076"/>
          <ac:picMkLst>
            <pc:docMk/>
            <pc:sldMk cId="391854903" sldId="291"/>
            <ac:picMk id="5" creationId="{951F5D18-BF77-7570-3C30-AAC810083151}"/>
          </ac:picMkLst>
        </pc:picChg>
        <pc:picChg chg="add mod">
          <ac:chgData name="Nikolas Vitaliti" userId="8c720cfb-423e-41d2-902f-4cf486698773" providerId="ADAL" clId="{2D67DE44-C58E-4A57-8D0C-F809935F85CE}" dt="2022-12-18T12:06:48.902" v="4189" actId="1076"/>
          <ac:picMkLst>
            <pc:docMk/>
            <pc:sldMk cId="391854903" sldId="291"/>
            <ac:picMk id="6" creationId="{0ECB0F01-4BFD-9E69-7E0D-2E354DB93B58}"/>
          </ac:picMkLst>
        </pc:picChg>
        <pc:picChg chg="add mod">
          <ac:chgData name="Nikolas Vitaliti" userId="8c720cfb-423e-41d2-902f-4cf486698773" providerId="ADAL" clId="{2D67DE44-C58E-4A57-8D0C-F809935F85CE}" dt="2022-12-18T12:06:48.902" v="4189" actId="1076"/>
          <ac:picMkLst>
            <pc:docMk/>
            <pc:sldMk cId="391854903" sldId="291"/>
            <ac:picMk id="7" creationId="{A4DF3DDD-57B2-710E-0CB4-A091364C0026}"/>
          </ac:picMkLst>
        </pc:picChg>
        <pc:picChg chg="add mod">
          <ac:chgData name="Nikolas Vitaliti" userId="8c720cfb-423e-41d2-902f-4cf486698773" providerId="ADAL" clId="{2D67DE44-C58E-4A57-8D0C-F809935F85CE}" dt="2022-12-18T12:06:48.902" v="4189" actId="1076"/>
          <ac:picMkLst>
            <pc:docMk/>
            <pc:sldMk cId="391854903" sldId="291"/>
            <ac:picMk id="10" creationId="{A724E011-F3E4-B201-6C8B-B0B282935410}"/>
          </ac:picMkLst>
        </pc:picChg>
        <pc:picChg chg="add mod">
          <ac:chgData name="Nikolas Vitaliti" userId="8c720cfb-423e-41d2-902f-4cf486698773" providerId="ADAL" clId="{2D67DE44-C58E-4A57-8D0C-F809935F85CE}" dt="2022-12-17T09:39:02.604" v="1232" actId="1076"/>
          <ac:picMkLst>
            <pc:docMk/>
            <pc:sldMk cId="391854903" sldId="291"/>
            <ac:picMk id="11" creationId="{CC436F21-4517-7E2E-156D-B58F99E458C6}"/>
          </ac:picMkLst>
        </pc:picChg>
        <pc:picChg chg="add mod">
          <ac:chgData name="Nikolas Vitaliti" userId="8c720cfb-423e-41d2-902f-4cf486698773" providerId="ADAL" clId="{2D67DE44-C58E-4A57-8D0C-F809935F85CE}" dt="2022-12-18T12:06:48.902" v="4189" actId="1076"/>
          <ac:picMkLst>
            <pc:docMk/>
            <pc:sldMk cId="391854903" sldId="291"/>
            <ac:picMk id="12" creationId="{42E9AC1D-E98D-ADA7-A164-356AF83CA37F}"/>
          </ac:picMkLst>
        </pc:picChg>
        <pc:picChg chg="add mod">
          <ac:chgData name="Nikolas Vitaliti" userId="8c720cfb-423e-41d2-902f-4cf486698773" providerId="ADAL" clId="{2D67DE44-C58E-4A57-8D0C-F809935F85CE}" dt="2022-12-17T09:44:50.064" v="1345" actId="1076"/>
          <ac:picMkLst>
            <pc:docMk/>
            <pc:sldMk cId="391854903" sldId="291"/>
            <ac:picMk id="15" creationId="{834C1CEC-9CE7-5E7B-0A4C-4558C262529F}"/>
          </ac:picMkLst>
        </pc:picChg>
        <pc:picChg chg="add del mod">
          <ac:chgData name="Nikolas Vitaliti" userId="8c720cfb-423e-41d2-902f-4cf486698773" providerId="ADAL" clId="{2D67DE44-C58E-4A57-8D0C-F809935F85CE}" dt="2022-12-17T09:45:07.812" v="1350" actId="478"/>
          <ac:picMkLst>
            <pc:docMk/>
            <pc:sldMk cId="391854903" sldId="291"/>
            <ac:picMk id="17" creationId="{9C51630F-C86D-E8F1-D7BF-6D35DDAEC815}"/>
          </ac:picMkLst>
        </pc:picChg>
        <pc:picChg chg="add mod modCrop">
          <ac:chgData name="Nikolas Vitaliti" userId="8c720cfb-423e-41d2-902f-4cf486698773" providerId="ADAL" clId="{2D67DE44-C58E-4A57-8D0C-F809935F85CE}" dt="2022-12-17T09:42:08.903" v="1305" actId="1076"/>
          <ac:picMkLst>
            <pc:docMk/>
            <pc:sldMk cId="391854903" sldId="291"/>
            <ac:picMk id="33" creationId="{53790A37-6EFC-9C62-426B-F73A2B92403E}"/>
          </ac:picMkLst>
        </pc:picChg>
        <pc:picChg chg="add mod">
          <ac:chgData name="Nikolas Vitaliti" userId="8c720cfb-423e-41d2-902f-4cf486698773" providerId="ADAL" clId="{2D67DE44-C58E-4A57-8D0C-F809935F85CE}" dt="2022-12-17T09:43:40.486" v="1339" actId="1076"/>
          <ac:picMkLst>
            <pc:docMk/>
            <pc:sldMk cId="391854903" sldId="291"/>
            <ac:picMk id="41" creationId="{0CE03EA4-C081-B1EF-C286-C59DF230A3B0}"/>
          </ac:picMkLst>
        </pc:picChg>
        <pc:picChg chg="add mod modCrop">
          <ac:chgData name="Nikolas Vitaliti" userId="8c720cfb-423e-41d2-902f-4cf486698773" providerId="ADAL" clId="{2D67DE44-C58E-4A57-8D0C-F809935F85CE}" dt="2022-12-17T09:45:11.591" v="1351" actId="1076"/>
          <ac:picMkLst>
            <pc:docMk/>
            <pc:sldMk cId="391854903" sldId="291"/>
            <ac:picMk id="43" creationId="{195A2A4A-414E-F618-E1A8-54C73C3298CD}"/>
          </ac:picMkLst>
        </pc:picChg>
        <pc:picChg chg="add del mod">
          <ac:chgData name="Nikolas Vitaliti" userId="8c720cfb-423e-41d2-902f-4cf486698773" providerId="ADAL" clId="{2D67DE44-C58E-4A57-8D0C-F809935F85CE}" dt="2022-12-17T09:46:35.362" v="1357" actId="478"/>
          <ac:picMkLst>
            <pc:docMk/>
            <pc:sldMk cId="391854903" sldId="291"/>
            <ac:picMk id="46" creationId="{12B3A39A-71AE-9AEB-0159-96A0F35D7B4B}"/>
          </ac:picMkLst>
        </pc:picChg>
        <pc:cxnChg chg="add mod">
          <ac:chgData name="Nikolas Vitaliti" userId="8c720cfb-423e-41d2-902f-4cf486698773" providerId="ADAL" clId="{2D67DE44-C58E-4A57-8D0C-F809935F85CE}" dt="2022-12-17T09:34:02.421" v="1165" actId="13822"/>
          <ac:cxnSpMkLst>
            <pc:docMk/>
            <pc:sldMk cId="391854903" sldId="291"/>
            <ac:cxnSpMk id="19" creationId="{B970DFC8-A9B5-F15E-78AD-5B537E8CA977}"/>
          </ac:cxnSpMkLst>
        </pc:cxnChg>
        <pc:cxnChg chg="add mod">
          <ac:chgData name="Nikolas Vitaliti" userId="8c720cfb-423e-41d2-902f-4cf486698773" providerId="ADAL" clId="{2D67DE44-C58E-4A57-8D0C-F809935F85CE}" dt="2022-12-17T09:44:50.064" v="1345" actId="1076"/>
          <ac:cxnSpMkLst>
            <pc:docMk/>
            <pc:sldMk cId="391854903" sldId="291"/>
            <ac:cxnSpMk id="20" creationId="{F5B30A60-99A2-54E0-719A-82EFB1442833}"/>
          </ac:cxnSpMkLst>
        </pc:cxnChg>
        <pc:cxnChg chg="add del mod">
          <ac:chgData name="Nikolas Vitaliti" userId="8c720cfb-423e-41d2-902f-4cf486698773" providerId="ADAL" clId="{2D67DE44-C58E-4A57-8D0C-F809935F85CE}" dt="2022-12-17T09:44:56.750" v="1348" actId="478"/>
          <ac:cxnSpMkLst>
            <pc:docMk/>
            <pc:sldMk cId="391854903" sldId="291"/>
            <ac:cxnSpMk id="22" creationId="{71E17021-2BA4-EFFF-6C8E-7F10565A7B51}"/>
          </ac:cxnSpMkLst>
        </pc:cxnChg>
        <pc:cxnChg chg="add mod">
          <ac:chgData name="Nikolas Vitaliti" userId="8c720cfb-423e-41d2-902f-4cf486698773" providerId="ADAL" clId="{2D67DE44-C58E-4A57-8D0C-F809935F85CE}" dt="2022-12-17T09:48:38.723" v="1380" actId="14100"/>
          <ac:cxnSpMkLst>
            <pc:docMk/>
            <pc:sldMk cId="391854903" sldId="291"/>
            <ac:cxnSpMk id="27" creationId="{CBFEF7DF-0597-97B4-E379-1004D415A65D}"/>
          </ac:cxnSpMkLst>
        </pc:cxnChg>
        <pc:cxnChg chg="add mod">
          <ac:chgData name="Nikolas Vitaliti" userId="8c720cfb-423e-41d2-902f-4cf486698773" providerId="ADAL" clId="{2D67DE44-C58E-4A57-8D0C-F809935F85CE}" dt="2022-12-17T09:43:22.286" v="1333" actId="1076"/>
          <ac:cxnSpMkLst>
            <pc:docMk/>
            <pc:sldMk cId="391854903" sldId="291"/>
            <ac:cxnSpMk id="29" creationId="{F2CB30B9-7E02-8EC4-8324-A870C8184A15}"/>
          </ac:cxnSpMkLst>
        </pc:cxnChg>
        <pc:cxnChg chg="add mod">
          <ac:chgData name="Nikolas Vitaliti" userId="8c720cfb-423e-41d2-902f-4cf486698773" providerId="ADAL" clId="{2D67DE44-C58E-4A57-8D0C-F809935F85CE}" dt="2022-12-17T09:44:55.102" v="1347" actId="1076"/>
          <ac:cxnSpMkLst>
            <pc:docMk/>
            <pc:sldMk cId="391854903" sldId="291"/>
            <ac:cxnSpMk id="44" creationId="{91511D32-24B5-987B-2B29-9551F14808CB}"/>
          </ac:cxnSpMkLst>
        </pc:cxnChg>
        <pc:cxnChg chg="add mod">
          <ac:chgData name="Nikolas Vitaliti" userId="8c720cfb-423e-41d2-902f-4cf486698773" providerId="ADAL" clId="{2D67DE44-C58E-4A57-8D0C-F809935F85CE}" dt="2022-12-17T09:52:18.475" v="1570" actId="1076"/>
          <ac:cxnSpMkLst>
            <pc:docMk/>
            <pc:sldMk cId="391854903" sldId="291"/>
            <ac:cxnSpMk id="56" creationId="{4568B8D1-6CB4-1D7B-68ED-534D4CC942B5}"/>
          </ac:cxnSpMkLst>
        </pc:cxnChg>
        <pc:cxnChg chg="add mod">
          <ac:chgData name="Nikolas Vitaliti" userId="8c720cfb-423e-41d2-902f-4cf486698773" providerId="ADAL" clId="{2D67DE44-C58E-4A57-8D0C-F809935F85CE}" dt="2022-12-17T09:52:27.160" v="1573" actId="14100"/>
          <ac:cxnSpMkLst>
            <pc:docMk/>
            <pc:sldMk cId="391854903" sldId="291"/>
            <ac:cxnSpMk id="58" creationId="{6AE9C71C-E1E4-8996-D8A2-6426E39F0BC2}"/>
          </ac:cxnSpMkLst>
        </pc:cxnChg>
      </pc:sldChg>
      <pc:sldChg chg="addSp delSp modSp mod">
        <pc:chgData name="Nikolas Vitaliti" userId="8c720cfb-423e-41d2-902f-4cf486698773" providerId="ADAL" clId="{2D67DE44-C58E-4A57-8D0C-F809935F85CE}" dt="2022-12-18T12:03:48.183" v="4142" actId="113"/>
        <pc:sldMkLst>
          <pc:docMk/>
          <pc:sldMk cId="1745362683" sldId="292"/>
        </pc:sldMkLst>
        <pc:spChg chg="del">
          <ac:chgData name="Nikolas Vitaliti" userId="8c720cfb-423e-41d2-902f-4cf486698773" providerId="ADAL" clId="{2D67DE44-C58E-4A57-8D0C-F809935F85CE}" dt="2022-12-17T10:57:22.863" v="1919" actId="21"/>
          <ac:spMkLst>
            <pc:docMk/>
            <pc:sldMk cId="1745362683" sldId="292"/>
            <ac:spMk id="23" creationId="{67AA805C-F32F-F0A4-700F-E2B3FA3D6976}"/>
          </ac:spMkLst>
        </pc:spChg>
        <pc:spChg chg="add mod">
          <ac:chgData name="Nikolas Vitaliti" userId="8c720cfb-423e-41d2-902f-4cf486698773" providerId="ADAL" clId="{2D67DE44-C58E-4A57-8D0C-F809935F85CE}" dt="2022-12-17T10:57:22.863" v="1919" actId="21"/>
          <ac:spMkLst>
            <pc:docMk/>
            <pc:sldMk cId="1745362683" sldId="292"/>
            <ac:spMk id="26" creationId="{C7D5446A-3CE9-F7B5-1F78-EA08B2C79273}"/>
          </ac:spMkLst>
        </pc:spChg>
        <pc:spChg chg="add mod">
          <ac:chgData name="Nikolas Vitaliti" userId="8c720cfb-423e-41d2-902f-4cf486698773" providerId="ADAL" clId="{2D67DE44-C58E-4A57-8D0C-F809935F85CE}" dt="2022-12-18T12:03:48.183" v="4142" actId="113"/>
          <ac:spMkLst>
            <pc:docMk/>
            <pc:sldMk cId="1745362683" sldId="292"/>
            <ac:spMk id="28" creationId="{5804C9A8-CDE3-4B5E-9996-B0CE63175B73}"/>
          </ac:spMkLst>
        </pc:spChg>
        <pc:picChg chg="del">
          <ac:chgData name="Nikolas Vitaliti" userId="8c720cfb-423e-41d2-902f-4cf486698773" providerId="ADAL" clId="{2D67DE44-C58E-4A57-8D0C-F809935F85CE}" dt="2022-12-17T10:57:22.863" v="1919" actId="21"/>
          <ac:picMkLst>
            <pc:docMk/>
            <pc:sldMk cId="1745362683" sldId="292"/>
            <ac:picMk id="5" creationId="{7EF677BE-1463-A124-4F9B-175E52525461}"/>
          </ac:picMkLst>
        </pc:picChg>
        <pc:picChg chg="mod">
          <ac:chgData name="Nikolas Vitaliti" userId="8c720cfb-423e-41d2-902f-4cf486698773" providerId="ADAL" clId="{2D67DE44-C58E-4A57-8D0C-F809935F85CE}" dt="2022-12-17T11:51:19.413" v="2086" actId="1076"/>
          <ac:picMkLst>
            <pc:docMk/>
            <pc:sldMk cId="1745362683" sldId="292"/>
            <ac:picMk id="11" creationId="{F869809B-04AE-B9A4-1056-A4BC7F909B83}"/>
          </ac:picMkLst>
        </pc:picChg>
        <pc:picChg chg="add del mod">
          <ac:chgData name="Nikolas Vitaliti" userId="8c720cfb-423e-41d2-902f-4cf486698773" providerId="ADAL" clId="{2D67DE44-C58E-4A57-8D0C-F809935F85CE}" dt="2022-12-17T10:57:22.863" v="1919" actId="21"/>
          <ac:picMkLst>
            <pc:docMk/>
            <pc:sldMk cId="1745362683" sldId="292"/>
            <ac:picMk id="24" creationId="{426B695C-BB1A-B7A5-E781-985004AB5341}"/>
          </ac:picMkLst>
        </pc:picChg>
        <pc:picChg chg="add mod">
          <ac:chgData name="Nikolas Vitaliti" userId="8c720cfb-423e-41d2-902f-4cf486698773" providerId="ADAL" clId="{2D67DE44-C58E-4A57-8D0C-F809935F85CE}" dt="2022-12-17T11:51:17.736" v="2085" actId="1076"/>
          <ac:picMkLst>
            <pc:docMk/>
            <pc:sldMk cId="1745362683" sldId="292"/>
            <ac:picMk id="27" creationId="{99B8DEFC-D21F-9ABF-EEAF-34BADB8C3814}"/>
          </ac:picMkLst>
        </pc:picChg>
        <pc:picChg chg="add mod">
          <ac:chgData name="Nikolas Vitaliti" userId="8c720cfb-423e-41d2-902f-4cf486698773" providerId="ADAL" clId="{2D67DE44-C58E-4A57-8D0C-F809935F85CE}" dt="2022-12-17T10:57:59.342" v="1926" actId="1076"/>
          <ac:picMkLst>
            <pc:docMk/>
            <pc:sldMk cId="1745362683" sldId="292"/>
            <ac:picMk id="29" creationId="{EEAC7B23-3147-F6AF-CD1F-863791C2F403}"/>
          </ac:picMkLst>
        </pc:picChg>
        <pc:inkChg chg="add del">
          <ac:chgData name="Nikolas Vitaliti" userId="8c720cfb-423e-41d2-902f-4cf486698773" providerId="ADAL" clId="{2D67DE44-C58E-4A57-8D0C-F809935F85CE}" dt="2022-12-18T10:48:40.308" v="3329" actId="9405"/>
          <ac:inkMkLst>
            <pc:docMk/>
            <pc:sldMk cId="1745362683" sldId="292"/>
            <ac:inkMk id="2" creationId="{6664445E-E2F8-1B2E-50C4-B78E87D58FAA}"/>
          </ac:inkMkLst>
        </pc:inkChg>
        <pc:inkChg chg="add">
          <ac:chgData name="Nikolas Vitaliti" userId="8c720cfb-423e-41d2-902f-4cf486698773" providerId="ADAL" clId="{2D67DE44-C58E-4A57-8D0C-F809935F85CE}" dt="2022-12-18T10:48:41.595" v="3330" actId="9405"/>
          <ac:inkMkLst>
            <pc:docMk/>
            <pc:sldMk cId="1745362683" sldId="292"/>
            <ac:inkMk id="3" creationId="{2F99D1B4-BB63-7A27-DA18-D19EE6A7D2F5}"/>
          </ac:inkMkLst>
        </pc:inkChg>
        <pc:inkChg chg="add">
          <ac:chgData name="Nikolas Vitaliti" userId="8c720cfb-423e-41d2-902f-4cf486698773" providerId="ADAL" clId="{2D67DE44-C58E-4A57-8D0C-F809935F85CE}" dt="2022-12-18T10:48:46.254" v="3331" actId="9405"/>
          <ac:inkMkLst>
            <pc:docMk/>
            <pc:sldMk cId="1745362683" sldId="292"/>
            <ac:inkMk id="5" creationId="{37C5B0CB-DCBA-A6F1-09FC-476DAD56B8A7}"/>
          </ac:inkMkLst>
        </pc:inkChg>
        <pc:inkChg chg="add">
          <ac:chgData name="Nikolas Vitaliti" userId="8c720cfb-423e-41d2-902f-4cf486698773" providerId="ADAL" clId="{2D67DE44-C58E-4A57-8D0C-F809935F85CE}" dt="2022-12-17T11:04:45.623" v="1948" actId="9405"/>
          <ac:inkMkLst>
            <pc:docMk/>
            <pc:sldMk cId="1745362683" sldId="292"/>
            <ac:inkMk id="30" creationId="{B6BF62E2-63A3-ADF5-DC24-AB7CB2AB1F74}"/>
          </ac:inkMkLst>
        </pc:inkChg>
      </pc:sldChg>
      <pc:sldChg chg="addSp delSp modSp new mod ord">
        <pc:chgData name="Nikolas Vitaliti" userId="8c720cfb-423e-41d2-902f-4cf486698773" providerId="ADAL" clId="{2D67DE44-C58E-4A57-8D0C-F809935F85CE}" dt="2022-12-18T11:45:31.280" v="3949"/>
        <pc:sldMkLst>
          <pc:docMk/>
          <pc:sldMk cId="1369791146" sldId="293"/>
        </pc:sldMkLst>
        <pc:spChg chg="mod">
          <ac:chgData name="Nikolas Vitaliti" userId="8c720cfb-423e-41d2-902f-4cf486698773" providerId="ADAL" clId="{2D67DE44-C58E-4A57-8D0C-F809935F85CE}" dt="2022-12-17T12:28:10.198" v="2253" actId="20577"/>
          <ac:spMkLst>
            <pc:docMk/>
            <pc:sldMk cId="1369791146" sldId="293"/>
            <ac:spMk id="2" creationId="{6E29BAE5-F929-1FA3-CFA6-C98CAADFE670}"/>
          </ac:spMkLst>
        </pc:spChg>
        <pc:spChg chg="mod">
          <ac:chgData name="Nikolas Vitaliti" userId="8c720cfb-423e-41d2-902f-4cf486698773" providerId="ADAL" clId="{2D67DE44-C58E-4A57-8D0C-F809935F85CE}" dt="2022-12-18T11:44:50.185" v="3947" actId="1076"/>
          <ac:spMkLst>
            <pc:docMk/>
            <pc:sldMk cId="1369791146" sldId="293"/>
            <ac:spMk id="3" creationId="{195DEF46-02AE-7144-E639-4708CB9E0178}"/>
          </ac:spMkLst>
        </pc:spChg>
        <pc:spChg chg="add del mod">
          <ac:chgData name="Nikolas Vitaliti" userId="8c720cfb-423e-41d2-902f-4cf486698773" providerId="ADAL" clId="{2D67DE44-C58E-4A57-8D0C-F809935F85CE}" dt="2022-12-17T12:30:08.998" v="2263" actId="478"/>
          <ac:spMkLst>
            <pc:docMk/>
            <pc:sldMk cId="1369791146" sldId="293"/>
            <ac:spMk id="5" creationId="{C67AF358-2486-954D-7322-715A7F6F54FC}"/>
          </ac:spMkLst>
        </pc:spChg>
        <pc:spChg chg="add mod">
          <ac:chgData name="Nikolas Vitaliti" userId="8c720cfb-423e-41d2-902f-4cf486698773" providerId="ADAL" clId="{2D67DE44-C58E-4A57-8D0C-F809935F85CE}" dt="2022-12-17T10:26:47.834" v="1830"/>
          <ac:spMkLst>
            <pc:docMk/>
            <pc:sldMk cId="1369791146" sldId="293"/>
            <ac:spMk id="6" creationId="{40C65BF4-0E3D-9D9A-8210-F8E796717557}"/>
          </ac:spMkLst>
        </pc:spChg>
        <pc:spChg chg="add del mod">
          <ac:chgData name="Nikolas Vitaliti" userId="8c720cfb-423e-41d2-902f-4cf486698773" providerId="ADAL" clId="{2D67DE44-C58E-4A57-8D0C-F809935F85CE}" dt="2022-12-17T11:18:19.339" v="2070" actId="21"/>
          <ac:spMkLst>
            <pc:docMk/>
            <pc:sldMk cId="1369791146" sldId="293"/>
            <ac:spMk id="6" creationId="{EC1308F0-146F-7F46-2E80-300A762C6D09}"/>
          </ac:spMkLst>
        </pc:spChg>
        <pc:spChg chg="add mod">
          <ac:chgData name="Nikolas Vitaliti" userId="8c720cfb-423e-41d2-902f-4cf486698773" providerId="ADAL" clId="{2D67DE44-C58E-4A57-8D0C-F809935F85CE}" dt="2022-12-17T10:26:47.834" v="1830"/>
          <ac:spMkLst>
            <pc:docMk/>
            <pc:sldMk cId="1369791146" sldId="293"/>
            <ac:spMk id="7" creationId="{EAB6158E-03F0-3CE5-A679-38DD388295B5}"/>
          </ac:spMkLst>
        </pc:spChg>
        <pc:spChg chg="add del mod">
          <ac:chgData name="Nikolas Vitaliti" userId="8c720cfb-423e-41d2-902f-4cf486698773" providerId="ADAL" clId="{2D67DE44-C58E-4A57-8D0C-F809935F85CE}" dt="2022-12-18T11:42:57.433" v="3907" actId="21"/>
          <ac:spMkLst>
            <pc:docMk/>
            <pc:sldMk cId="1369791146" sldId="293"/>
            <ac:spMk id="9" creationId="{343082EC-B71D-20B7-ABCC-C5A9313BB017}"/>
          </ac:spMkLst>
        </pc:spChg>
        <pc:spChg chg="add del mod">
          <ac:chgData name="Nikolas Vitaliti" userId="8c720cfb-423e-41d2-902f-4cf486698773" providerId="ADAL" clId="{2D67DE44-C58E-4A57-8D0C-F809935F85CE}" dt="2022-12-18T11:42:57.433" v="3907" actId="21"/>
          <ac:spMkLst>
            <pc:docMk/>
            <pc:sldMk cId="1369791146" sldId="293"/>
            <ac:spMk id="11" creationId="{02908406-56DD-AFF0-4D73-EA1ECF81F1E5}"/>
          </ac:spMkLst>
        </pc:spChg>
        <pc:spChg chg="add del mod">
          <ac:chgData name="Nikolas Vitaliti" userId="8c720cfb-423e-41d2-902f-4cf486698773" providerId="ADAL" clId="{2D67DE44-C58E-4A57-8D0C-F809935F85CE}" dt="2022-12-18T11:43:52.546" v="3921" actId="478"/>
          <ac:spMkLst>
            <pc:docMk/>
            <pc:sldMk cId="1369791146" sldId="293"/>
            <ac:spMk id="14" creationId="{172F6B73-2824-E1F4-1E08-73D88FE986A8}"/>
          </ac:spMkLst>
        </pc:spChg>
        <pc:spChg chg="add del mod">
          <ac:chgData name="Nikolas Vitaliti" userId="8c720cfb-423e-41d2-902f-4cf486698773" providerId="ADAL" clId="{2D67DE44-C58E-4A57-8D0C-F809935F85CE}" dt="2022-12-18T11:43:52.546" v="3921" actId="478"/>
          <ac:spMkLst>
            <pc:docMk/>
            <pc:sldMk cId="1369791146" sldId="293"/>
            <ac:spMk id="15" creationId="{B966CCD4-AE93-7C89-3A5D-1B76BB68DFF5}"/>
          </ac:spMkLst>
        </pc:spChg>
        <pc:spChg chg="add mod">
          <ac:chgData name="Nikolas Vitaliti" userId="8c720cfb-423e-41d2-902f-4cf486698773" providerId="ADAL" clId="{2D67DE44-C58E-4A57-8D0C-F809935F85CE}" dt="2022-12-18T11:44:18.869" v="3931" actId="1076"/>
          <ac:spMkLst>
            <pc:docMk/>
            <pc:sldMk cId="1369791146" sldId="293"/>
            <ac:spMk id="25" creationId="{D3111261-E72B-3E20-64CB-78BAD64BCFCA}"/>
          </ac:spMkLst>
        </pc:spChg>
        <pc:spChg chg="add mod">
          <ac:chgData name="Nikolas Vitaliti" userId="8c720cfb-423e-41d2-902f-4cf486698773" providerId="ADAL" clId="{2D67DE44-C58E-4A57-8D0C-F809935F85CE}" dt="2022-12-18T11:44:03.779" v="3924" actId="14100"/>
          <ac:spMkLst>
            <pc:docMk/>
            <pc:sldMk cId="1369791146" sldId="293"/>
            <ac:spMk id="26" creationId="{DB8C1D4E-8B85-EB1E-0074-58DCC25D2FC1}"/>
          </ac:spMkLst>
        </pc:spChg>
        <pc:spChg chg="mod">
          <ac:chgData name="Nikolas Vitaliti" userId="8c720cfb-423e-41d2-902f-4cf486698773" providerId="ADAL" clId="{2D67DE44-C58E-4A57-8D0C-F809935F85CE}" dt="2022-12-17T12:31:01.719" v="2265" actId="14100"/>
          <ac:spMkLst>
            <pc:docMk/>
            <pc:sldMk cId="1369791146" sldId="293"/>
            <ac:spMk id="136" creationId="{E997B21E-5A6A-3CE6-DA83-FA56E90A8B31}"/>
          </ac:spMkLst>
        </pc:spChg>
        <pc:grpChg chg="add mod">
          <ac:chgData name="Nikolas Vitaliti" userId="8c720cfb-423e-41d2-902f-4cf486698773" providerId="ADAL" clId="{2D67DE44-C58E-4A57-8D0C-F809935F85CE}" dt="2022-12-17T10:26:47.834" v="1830"/>
          <ac:grpSpMkLst>
            <pc:docMk/>
            <pc:sldMk cId="1369791146" sldId="293"/>
            <ac:grpSpMk id="5" creationId="{4FD18199-0F71-87F8-3795-7AF0102212B9}"/>
          </ac:grpSpMkLst>
        </pc:grpChg>
        <pc:grpChg chg="mod">
          <ac:chgData name="Nikolas Vitaliti" userId="8c720cfb-423e-41d2-902f-4cf486698773" providerId="ADAL" clId="{2D67DE44-C58E-4A57-8D0C-F809935F85CE}" dt="2022-12-17T13:00:05.212" v="2516" actId="14100"/>
          <ac:grpSpMkLst>
            <pc:docMk/>
            <pc:sldMk cId="1369791146" sldId="293"/>
            <ac:grpSpMk id="24" creationId="{3DA4A437-1A07-9594-5C2A-A838F5131BCB}"/>
          </ac:grpSpMkLst>
        </pc:grpChg>
        <pc:grpChg chg="del mod">
          <ac:chgData name="Nikolas Vitaliti" userId="8c720cfb-423e-41d2-902f-4cf486698773" providerId="ADAL" clId="{2D67DE44-C58E-4A57-8D0C-F809935F85CE}" dt="2022-12-17T12:26:47.191" v="2175" actId="478"/>
          <ac:grpSpMkLst>
            <pc:docMk/>
            <pc:sldMk cId="1369791146" sldId="293"/>
            <ac:grpSpMk id="39" creationId="{A489C864-785C-89A0-019E-419986D64491}"/>
          </ac:grpSpMkLst>
        </pc:grpChg>
        <pc:grpChg chg="del mod">
          <ac:chgData name="Nikolas Vitaliti" userId="8c720cfb-423e-41d2-902f-4cf486698773" providerId="ADAL" clId="{2D67DE44-C58E-4A57-8D0C-F809935F85CE}" dt="2022-12-18T11:44:38.286" v="3945"/>
          <ac:grpSpMkLst>
            <pc:docMk/>
            <pc:sldMk cId="1369791146" sldId="293"/>
            <ac:grpSpMk id="45" creationId="{8BD732A6-F27E-D537-F9EB-B1702D292672}"/>
          </ac:grpSpMkLst>
        </pc:grpChg>
        <pc:grpChg chg="mod">
          <ac:chgData name="Nikolas Vitaliti" userId="8c720cfb-423e-41d2-902f-4cf486698773" providerId="ADAL" clId="{2D67DE44-C58E-4A57-8D0C-F809935F85CE}" dt="2022-12-18T11:44:38.286" v="3945"/>
          <ac:grpSpMkLst>
            <pc:docMk/>
            <pc:sldMk cId="1369791146" sldId="293"/>
            <ac:grpSpMk id="46" creationId="{E776D594-DB4F-B52D-A2B7-F456BE496F20}"/>
          </ac:grpSpMkLst>
        </pc:grpChg>
        <pc:grpChg chg="mod">
          <ac:chgData name="Nikolas Vitaliti" userId="8c720cfb-423e-41d2-902f-4cf486698773" providerId="ADAL" clId="{2D67DE44-C58E-4A57-8D0C-F809935F85CE}" dt="2022-12-18T11:44:38.286" v="3945"/>
          <ac:grpSpMkLst>
            <pc:docMk/>
            <pc:sldMk cId="1369791146" sldId="293"/>
            <ac:grpSpMk id="47" creationId="{D29535FC-BF14-F620-D542-0F48DB6661C1}"/>
          </ac:grpSpMkLst>
        </pc:grpChg>
        <pc:grpChg chg="mod">
          <ac:chgData name="Nikolas Vitaliti" userId="8c720cfb-423e-41d2-902f-4cf486698773" providerId="ADAL" clId="{2D67DE44-C58E-4A57-8D0C-F809935F85CE}" dt="2022-12-18T11:44:38.286" v="3945"/>
          <ac:grpSpMkLst>
            <pc:docMk/>
            <pc:sldMk cId="1369791146" sldId="293"/>
            <ac:grpSpMk id="48" creationId="{84D5358D-D8FE-AC9A-3240-8DDCAA9C1CBB}"/>
          </ac:grpSpMkLst>
        </pc:grpChg>
        <pc:graphicFrameChg chg="add del mod">
          <ac:chgData name="Nikolas Vitaliti" userId="8c720cfb-423e-41d2-902f-4cf486698773" providerId="ADAL" clId="{2D67DE44-C58E-4A57-8D0C-F809935F85CE}" dt="2022-12-17T11:18:19.339" v="2070" actId="21"/>
          <ac:graphicFrameMkLst>
            <pc:docMk/>
            <pc:sldMk cId="1369791146" sldId="293"/>
            <ac:graphicFrameMk id="5" creationId="{8C2A1311-319E-B13B-E211-4B9F70859789}"/>
          </ac:graphicFrameMkLst>
        </pc:graphicFrameChg>
        <pc:graphicFrameChg chg="add mod">
          <ac:chgData name="Nikolas Vitaliti" userId="8c720cfb-423e-41d2-902f-4cf486698773" providerId="ADAL" clId="{2D67DE44-C58E-4A57-8D0C-F809935F85CE}" dt="2022-12-17T11:18:13.845" v="2068"/>
          <ac:graphicFrameMkLst>
            <pc:docMk/>
            <pc:sldMk cId="1369791146" sldId="293"/>
            <ac:graphicFrameMk id="8" creationId="{E52E7CD7-4EAD-2A0F-AE60-7ABCD03E6954}"/>
          </ac:graphicFrameMkLst>
        </pc:graphicFrameChg>
        <pc:picChg chg="add del mod">
          <ac:chgData name="Nikolas Vitaliti" userId="8c720cfb-423e-41d2-902f-4cf486698773" providerId="ADAL" clId="{2D67DE44-C58E-4A57-8D0C-F809935F85CE}" dt="2022-12-18T10:00:49.798" v="3102" actId="21"/>
          <ac:picMkLst>
            <pc:docMk/>
            <pc:sldMk cId="1369791146" sldId="293"/>
            <ac:picMk id="5" creationId="{84EB2B1D-981D-5F0F-FE3D-7D2081A60301}"/>
          </ac:picMkLst>
        </pc:picChg>
        <pc:picChg chg="add del mod">
          <ac:chgData name="Nikolas Vitaliti" userId="8c720cfb-423e-41d2-902f-4cf486698773" providerId="ADAL" clId="{2D67DE44-C58E-4A57-8D0C-F809935F85CE}" dt="2022-12-18T10:53:43.542" v="3358" actId="21"/>
          <ac:picMkLst>
            <pc:docMk/>
            <pc:sldMk cId="1369791146" sldId="293"/>
            <ac:picMk id="6" creationId="{A6FB7BA9-BD80-72A7-DB92-6F9A5AE7F43E}"/>
          </ac:picMkLst>
        </pc:picChg>
        <pc:picChg chg="add del mod">
          <ac:chgData name="Nikolas Vitaliti" userId="8c720cfb-423e-41d2-902f-4cf486698773" providerId="ADAL" clId="{2D67DE44-C58E-4A57-8D0C-F809935F85CE}" dt="2022-12-17T12:26:50.549" v="2177" actId="478"/>
          <ac:picMkLst>
            <pc:docMk/>
            <pc:sldMk cId="1369791146" sldId="293"/>
            <ac:picMk id="7" creationId="{5F7D30D3-2E61-41A8-CFA9-3BD5D30CFD44}"/>
          </ac:picMkLst>
        </pc:picChg>
        <pc:picChg chg="add del mod">
          <ac:chgData name="Nikolas Vitaliti" userId="8c720cfb-423e-41d2-902f-4cf486698773" providerId="ADAL" clId="{2D67DE44-C58E-4A57-8D0C-F809935F85CE}" dt="2022-12-18T11:42:57.433" v="3907" actId="21"/>
          <ac:picMkLst>
            <pc:docMk/>
            <pc:sldMk cId="1369791146" sldId="293"/>
            <ac:picMk id="10" creationId="{A5EF8015-95DB-8D8B-02C2-7AA951481AE3}"/>
          </ac:picMkLst>
        </pc:picChg>
        <pc:picChg chg="add del mod">
          <ac:chgData name="Nikolas Vitaliti" userId="8c720cfb-423e-41d2-902f-4cf486698773" providerId="ADAL" clId="{2D67DE44-C58E-4A57-8D0C-F809935F85CE}" dt="2022-12-18T11:28:46.694" v="3480" actId="478"/>
          <ac:picMkLst>
            <pc:docMk/>
            <pc:sldMk cId="1369791146" sldId="293"/>
            <ac:picMk id="12" creationId="{E8F4641C-78C3-438E-DF01-C468C72E6D68}"/>
          </ac:picMkLst>
        </pc:picChg>
        <pc:picChg chg="add del mod">
          <ac:chgData name="Nikolas Vitaliti" userId="8c720cfb-423e-41d2-902f-4cf486698773" providerId="ADAL" clId="{2D67DE44-C58E-4A57-8D0C-F809935F85CE}" dt="2022-12-18T11:43:49.324" v="3920" actId="478"/>
          <ac:picMkLst>
            <pc:docMk/>
            <pc:sldMk cId="1369791146" sldId="293"/>
            <ac:picMk id="13" creationId="{7D85DBE0-5F19-A7B5-EC9B-53BA4A26279D}"/>
          </ac:picMkLst>
        </pc:picChg>
        <pc:picChg chg="add del mod">
          <ac:chgData name="Nikolas Vitaliti" userId="8c720cfb-423e-41d2-902f-4cf486698773" providerId="ADAL" clId="{2D67DE44-C58E-4A57-8D0C-F809935F85CE}" dt="2022-12-17T12:24:15.333" v="2144" actId="478"/>
          <ac:picMkLst>
            <pc:docMk/>
            <pc:sldMk cId="1369791146" sldId="293"/>
            <ac:picMk id="13" creationId="{F5442E06-C246-C63D-87CC-D3C322936555}"/>
          </ac:picMkLst>
        </pc:picChg>
        <pc:picChg chg="add del mod">
          <ac:chgData name="Nikolas Vitaliti" userId="8c720cfb-423e-41d2-902f-4cf486698773" providerId="ADAL" clId="{2D67DE44-C58E-4A57-8D0C-F809935F85CE}" dt="2022-12-17T12:24:41.999" v="2148" actId="478"/>
          <ac:picMkLst>
            <pc:docMk/>
            <pc:sldMk cId="1369791146" sldId="293"/>
            <ac:picMk id="15" creationId="{E5755B98-8149-44F9-7DAB-3A27BD3AAD27}"/>
          </ac:picMkLst>
        </pc:picChg>
        <pc:picChg chg="del">
          <ac:chgData name="Nikolas Vitaliti" userId="8c720cfb-423e-41d2-902f-4cf486698773" providerId="ADAL" clId="{2D67DE44-C58E-4A57-8D0C-F809935F85CE}" dt="2022-12-18T11:28:46.694" v="3480" actId="478"/>
          <ac:picMkLst>
            <pc:docMk/>
            <pc:sldMk cId="1369791146" sldId="293"/>
            <ac:picMk id="16" creationId="{708A86BC-0171-4EFB-C65F-5C9AE9160918}"/>
          </ac:picMkLst>
        </pc:picChg>
        <pc:picChg chg="add mod">
          <ac:chgData name="Nikolas Vitaliti" userId="8c720cfb-423e-41d2-902f-4cf486698773" providerId="ADAL" clId="{2D67DE44-C58E-4A57-8D0C-F809935F85CE}" dt="2022-12-18T11:43:48.389" v="3919" actId="1076"/>
          <ac:picMkLst>
            <pc:docMk/>
            <pc:sldMk cId="1369791146" sldId="293"/>
            <ac:picMk id="24" creationId="{FD3D5C2D-B6F2-F6EF-CDD0-4D84C121126B}"/>
          </ac:picMkLst>
        </pc:picChg>
        <pc:picChg chg="del">
          <ac:chgData name="Nikolas Vitaliti" userId="8c720cfb-423e-41d2-902f-4cf486698773" providerId="ADAL" clId="{2D67DE44-C58E-4A57-8D0C-F809935F85CE}" dt="2022-12-17T12:26:47.835" v="2176" actId="478"/>
          <ac:picMkLst>
            <pc:docMk/>
            <pc:sldMk cId="1369791146" sldId="293"/>
            <ac:picMk id="97" creationId="{8A6A5692-857F-9AC1-C281-E80177996045}"/>
          </ac:picMkLst>
        </pc:picChg>
        <pc:inkChg chg="add del">
          <ac:chgData name="Nikolas Vitaliti" userId="8c720cfb-423e-41d2-902f-4cf486698773" providerId="ADAL" clId="{2D67DE44-C58E-4A57-8D0C-F809935F85CE}" dt="2022-12-17T12:26:19.823" v="2150" actId="9405"/>
          <ac:inkMkLst>
            <pc:docMk/>
            <pc:sldMk cId="1369791146" sldId="293"/>
            <ac:inkMk id="16" creationId="{84B7768B-D0C5-0C8E-B990-DB7176F20E20}"/>
          </ac:inkMkLst>
        </pc:inkChg>
        <pc:inkChg chg="add del mod">
          <ac:chgData name="Nikolas Vitaliti" userId="8c720cfb-423e-41d2-902f-4cf486698773" providerId="ADAL" clId="{2D67DE44-C58E-4A57-8D0C-F809935F85CE}" dt="2022-12-18T11:43:52.546" v="3921" actId="478"/>
          <ac:inkMkLst>
            <pc:docMk/>
            <pc:sldMk cId="1369791146" sldId="293"/>
            <ac:inkMk id="17" creationId="{9D89CB73-5AC3-EF9C-CD1A-95701D524B97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17" creationId="{E2BBFE03-040F-32D4-F115-B769BF3CDE62}"/>
          </ac:inkMkLst>
        </pc:inkChg>
        <pc:inkChg chg="add del mod">
          <ac:chgData name="Nikolas Vitaliti" userId="8c720cfb-423e-41d2-902f-4cf486698773" providerId="ADAL" clId="{2D67DE44-C58E-4A57-8D0C-F809935F85CE}" dt="2022-12-18T11:43:52.546" v="3921" actId="478"/>
          <ac:inkMkLst>
            <pc:docMk/>
            <pc:sldMk cId="1369791146" sldId="293"/>
            <ac:inkMk id="18" creationId="{11B0F49C-A3C4-062D-2CFF-14D834AA6F83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18" creationId="{3008471B-2524-41DF-07D3-82FB43B8D818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19" creationId="{DA9F15D6-E93E-2798-6660-A4E3B3E0B88C}"/>
          </ac:inkMkLst>
        </pc:inkChg>
        <pc:inkChg chg="add del mod">
          <ac:chgData name="Nikolas Vitaliti" userId="8c720cfb-423e-41d2-902f-4cf486698773" providerId="ADAL" clId="{2D67DE44-C58E-4A57-8D0C-F809935F85CE}" dt="2022-12-18T11:43:52.546" v="3921" actId="478"/>
          <ac:inkMkLst>
            <pc:docMk/>
            <pc:sldMk cId="1369791146" sldId="293"/>
            <ac:inkMk id="19" creationId="{EEFCA44A-D9CE-4C59-70D1-75CE6DD9D3A5}"/>
          </ac:inkMkLst>
        </pc:inkChg>
        <pc:inkChg chg="add del mod">
          <ac:chgData name="Nikolas Vitaliti" userId="8c720cfb-423e-41d2-902f-4cf486698773" providerId="ADAL" clId="{2D67DE44-C58E-4A57-8D0C-F809935F85CE}" dt="2022-12-18T11:43:52.546" v="3921" actId="478"/>
          <ac:inkMkLst>
            <pc:docMk/>
            <pc:sldMk cId="1369791146" sldId="293"/>
            <ac:inkMk id="20" creationId="{09CEF923-E729-4838-1627-C36BB3A7B1DD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20" creationId="{6D3AD514-DDFF-69AA-A506-DD8DB0033137}"/>
          </ac:inkMkLst>
        </pc:inkChg>
        <pc:inkChg chg="add mod">
          <ac:chgData name="Nikolas Vitaliti" userId="8c720cfb-423e-41d2-902f-4cf486698773" providerId="ADAL" clId="{2D67DE44-C58E-4A57-8D0C-F809935F85CE}" dt="2022-12-17T12:26:26.445" v="2158"/>
          <ac:inkMkLst>
            <pc:docMk/>
            <pc:sldMk cId="1369791146" sldId="293"/>
            <ac:inkMk id="21" creationId="{71D82D23-F9D1-6262-C0BE-FF011F7FF84F}"/>
          </ac:inkMkLst>
        </pc:inkChg>
        <pc:inkChg chg="add del mod">
          <ac:chgData name="Nikolas Vitaliti" userId="8c720cfb-423e-41d2-902f-4cf486698773" providerId="ADAL" clId="{2D67DE44-C58E-4A57-8D0C-F809935F85CE}" dt="2022-12-18T11:43:52.546" v="3921" actId="478"/>
          <ac:inkMkLst>
            <pc:docMk/>
            <pc:sldMk cId="1369791146" sldId="293"/>
            <ac:inkMk id="21" creationId="{A093030D-661A-8884-E1DF-1A4D207D2EEC}"/>
          </ac:inkMkLst>
        </pc:inkChg>
        <pc:inkChg chg="add del mod">
          <ac:chgData name="Nikolas Vitaliti" userId="8c720cfb-423e-41d2-902f-4cf486698773" providerId="ADAL" clId="{2D67DE44-C58E-4A57-8D0C-F809935F85CE}" dt="2022-12-18T11:43:52.546" v="3921" actId="478"/>
          <ac:inkMkLst>
            <pc:docMk/>
            <pc:sldMk cId="1369791146" sldId="293"/>
            <ac:inkMk id="22" creationId="{14AC80FB-6B33-1B5D-2F7E-BD266412E26C}"/>
          </ac:inkMkLst>
        </pc:inkChg>
        <pc:inkChg chg="add mod">
          <ac:chgData name="Nikolas Vitaliti" userId="8c720cfb-423e-41d2-902f-4cf486698773" providerId="ADAL" clId="{2D67DE44-C58E-4A57-8D0C-F809935F85CE}" dt="2022-12-17T12:26:26.445" v="2158"/>
          <ac:inkMkLst>
            <pc:docMk/>
            <pc:sldMk cId="1369791146" sldId="293"/>
            <ac:inkMk id="22" creationId="{3FF07480-6652-D570-E79E-D726C31345A8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23" creationId="{1CD6C19A-A9B1-D08F-3DE7-1D9F623E7623}"/>
          </ac:inkMkLst>
        </pc:inkChg>
        <pc:inkChg chg="add del mod">
          <ac:chgData name="Nikolas Vitaliti" userId="8c720cfb-423e-41d2-902f-4cf486698773" providerId="ADAL" clId="{2D67DE44-C58E-4A57-8D0C-F809935F85CE}" dt="2022-12-18T11:43:52.546" v="3921" actId="478"/>
          <ac:inkMkLst>
            <pc:docMk/>
            <pc:sldMk cId="1369791146" sldId="293"/>
            <ac:inkMk id="23" creationId="{900C196F-38B6-EE3C-E713-C206273BF365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25" creationId="{C442026D-E160-8133-A6BF-4AEA2592DDC5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26" creationId="{0308BC72-C9BC-F25E-D4A2-5CB60F2111E8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27" creationId="{51D86AA0-7675-C5EB-387C-95BEA5180890}"/>
          </ac:inkMkLst>
        </pc:inkChg>
        <pc:inkChg chg="add del mod">
          <ac:chgData name="Nikolas Vitaliti" userId="8c720cfb-423e-41d2-902f-4cf486698773" providerId="ADAL" clId="{2D67DE44-C58E-4A57-8D0C-F809935F85CE}" dt="2022-12-18T11:44:30.148" v="3933" actId="478"/>
          <ac:inkMkLst>
            <pc:docMk/>
            <pc:sldMk cId="1369791146" sldId="293"/>
            <ac:inkMk id="27" creationId="{F676954F-8480-AFCD-3988-6A0D6D68E31E}"/>
          </ac:inkMkLst>
        </pc:inkChg>
        <pc:inkChg chg="add del mod">
          <ac:chgData name="Nikolas Vitaliti" userId="8c720cfb-423e-41d2-902f-4cf486698773" providerId="ADAL" clId="{2D67DE44-C58E-4A57-8D0C-F809935F85CE}" dt="2022-12-18T11:44:30.148" v="3933" actId="478"/>
          <ac:inkMkLst>
            <pc:docMk/>
            <pc:sldMk cId="1369791146" sldId="293"/>
            <ac:inkMk id="28" creationId="{7EEC5704-0EB6-6F5B-AD49-5404657AE5E8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28" creationId="{ECCCEBC9-F330-804F-55DF-8D4E561174DE}"/>
          </ac:inkMkLst>
        </pc:inkChg>
        <pc:inkChg chg="add del mod">
          <ac:chgData name="Nikolas Vitaliti" userId="8c720cfb-423e-41d2-902f-4cf486698773" providerId="ADAL" clId="{2D67DE44-C58E-4A57-8D0C-F809935F85CE}" dt="2022-12-18T11:44:30.148" v="3933" actId="478"/>
          <ac:inkMkLst>
            <pc:docMk/>
            <pc:sldMk cId="1369791146" sldId="293"/>
            <ac:inkMk id="29" creationId="{2C92CF1D-267E-59B2-BC3F-584EDE593C90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29" creationId="{733EC570-C8BC-D1E5-F1C8-C33C661C20B2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30" creationId="{D7B75FBB-9EDF-A8A8-1FC8-9407468F5872}"/>
          </ac:inkMkLst>
        </pc:inkChg>
        <pc:inkChg chg="add del mod">
          <ac:chgData name="Nikolas Vitaliti" userId="8c720cfb-423e-41d2-902f-4cf486698773" providerId="ADAL" clId="{2D67DE44-C58E-4A57-8D0C-F809935F85CE}" dt="2022-12-18T11:44:30.148" v="3933" actId="478"/>
          <ac:inkMkLst>
            <pc:docMk/>
            <pc:sldMk cId="1369791146" sldId="293"/>
            <ac:inkMk id="30" creationId="{E91DA38F-185E-9D12-2800-45B0A0504FB9}"/>
          </ac:inkMkLst>
        </pc:inkChg>
        <pc:inkChg chg="add del mod">
          <ac:chgData name="Nikolas Vitaliti" userId="8c720cfb-423e-41d2-902f-4cf486698773" providerId="ADAL" clId="{2D67DE44-C58E-4A57-8D0C-F809935F85CE}" dt="2022-12-18T11:44:30.148" v="3933" actId="478"/>
          <ac:inkMkLst>
            <pc:docMk/>
            <pc:sldMk cId="1369791146" sldId="293"/>
            <ac:inkMk id="31" creationId="{82B5B28D-68F9-AA7E-0996-ED6195277C40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31" creationId="{AAFEF8F1-E282-816F-0389-967AA2CA10A2}"/>
          </ac:inkMkLst>
        </pc:inkChg>
        <pc:inkChg chg="add del mod">
          <ac:chgData name="Nikolas Vitaliti" userId="8c720cfb-423e-41d2-902f-4cf486698773" providerId="ADAL" clId="{2D67DE44-C58E-4A57-8D0C-F809935F85CE}" dt="2022-12-18T11:44:30.148" v="3933" actId="478"/>
          <ac:inkMkLst>
            <pc:docMk/>
            <pc:sldMk cId="1369791146" sldId="293"/>
            <ac:inkMk id="32" creationId="{4EE059D5-5FA2-F834-EBC5-950FF6C73A30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32" creationId="{51C9A09B-573E-3DE4-A130-F5CBED4E860A}"/>
          </ac:inkMkLst>
        </pc:inkChg>
        <pc:inkChg chg="add mod">
          <ac:chgData name="Nikolas Vitaliti" userId="8c720cfb-423e-41d2-902f-4cf486698773" providerId="ADAL" clId="{2D67DE44-C58E-4A57-8D0C-F809935F85CE}" dt="2022-12-17T13:00:05.212" v="2516" actId="14100"/>
          <ac:inkMkLst>
            <pc:docMk/>
            <pc:sldMk cId="1369791146" sldId="293"/>
            <ac:inkMk id="33" creationId="{22E0D874-4986-23A7-F1C1-7831A0E3CE01}"/>
          </ac:inkMkLst>
        </pc:inkChg>
        <pc:inkChg chg="add del mod">
          <ac:chgData name="Nikolas Vitaliti" userId="8c720cfb-423e-41d2-902f-4cf486698773" providerId="ADAL" clId="{2D67DE44-C58E-4A57-8D0C-F809935F85CE}" dt="2022-12-18T11:44:30.148" v="3933" actId="478"/>
          <ac:inkMkLst>
            <pc:docMk/>
            <pc:sldMk cId="1369791146" sldId="293"/>
            <ac:inkMk id="33" creationId="{6D1D56AD-9353-CDF6-7388-9566366CAD7B}"/>
          </ac:inkMkLst>
        </pc:inkChg>
        <pc:inkChg chg="add mod">
          <ac:chgData name="Nikolas Vitaliti" userId="8c720cfb-423e-41d2-902f-4cf486698773" providerId="ADAL" clId="{2D67DE44-C58E-4A57-8D0C-F809935F85CE}" dt="2022-12-17T12:26:42.073" v="2173"/>
          <ac:inkMkLst>
            <pc:docMk/>
            <pc:sldMk cId="1369791146" sldId="293"/>
            <ac:inkMk id="34" creationId="{706D458A-A5E5-0BF4-0556-444D8B39C46B}"/>
          </ac:inkMkLst>
        </pc:inkChg>
        <pc:inkChg chg="add mod">
          <ac:chgData name="Nikolas Vitaliti" userId="8c720cfb-423e-41d2-902f-4cf486698773" providerId="ADAL" clId="{2D67DE44-C58E-4A57-8D0C-F809935F85CE}" dt="2022-12-18T11:44:38.286" v="3945"/>
          <ac:inkMkLst>
            <pc:docMk/>
            <pc:sldMk cId="1369791146" sldId="293"/>
            <ac:inkMk id="34" creationId="{DB59E945-A435-B1A2-F23E-FC1C39098E9A}"/>
          </ac:inkMkLst>
        </pc:inkChg>
        <pc:inkChg chg="add mod">
          <ac:chgData name="Nikolas Vitaliti" userId="8c720cfb-423e-41d2-902f-4cf486698773" providerId="ADAL" clId="{2D67DE44-C58E-4A57-8D0C-F809935F85CE}" dt="2022-12-17T12:26:42.073" v="2173"/>
          <ac:inkMkLst>
            <pc:docMk/>
            <pc:sldMk cId="1369791146" sldId="293"/>
            <ac:inkMk id="35" creationId="{60859219-1884-D570-9A58-29E7031A0C15}"/>
          </ac:inkMkLst>
        </pc:inkChg>
        <pc:inkChg chg="add">
          <ac:chgData name="Nikolas Vitaliti" userId="8c720cfb-423e-41d2-902f-4cf486698773" providerId="ADAL" clId="{2D67DE44-C58E-4A57-8D0C-F809935F85CE}" dt="2022-12-18T11:44:34.613" v="3935" actId="9405"/>
          <ac:inkMkLst>
            <pc:docMk/>
            <pc:sldMk cId="1369791146" sldId="293"/>
            <ac:inkMk id="35" creationId="{FB94EB36-F4BD-D3B4-179F-BC9CFE079A3C}"/>
          </ac:inkMkLst>
        </pc:inkChg>
        <pc:inkChg chg="add mod">
          <ac:chgData name="Nikolas Vitaliti" userId="8c720cfb-423e-41d2-902f-4cf486698773" providerId="ADAL" clId="{2D67DE44-C58E-4A57-8D0C-F809935F85CE}" dt="2022-12-18T11:44:38.286" v="3945"/>
          <ac:inkMkLst>
            <pc:docMk/>
            <pc:sldMk cId="1369791146" sldId="293"/>
            <ac:inkMk id="36" creationId="{C7D7B1D2-D89E-770E-AB23-DC7817B85616}"/>
          </ac:inkMkLst>
        </pc:inkChg>
        <pc:inkChg chg="add mod">
          <ac:chgData name="Nikolas Vitaliti" userId="8c720cfb-423e-41d2-902f-4cf486698773" providerId="ADAL" clId="{2D67DE44-C58E-4A57-8D0C-F809935F85CE}" dt="2022-12-17T12:26:42.073" v="2173"/>
          <ac:inkMkLst>
            <pc:docMk/>
            <pc:sldMk cId="1369791146" sldId="293"/>
            <ac:inkMk id="36" creationId="{D5FC30F8-BCB1-66F7-BE09-7171B029F086}"/>
          </ac:inkMkLst>
        </pc:inkChg>
        <pc:inkChg chg="add mod">
          <ac:chgData name="Nikolas Vitaliti" userId="8c720cfb-423e-41d2-902f-4cf486698773" providerId="ADAL" clId="{2D67DE44-C58E-4A57-8D0C-F809935F85CE}" dt="2022-12-18T11:44:38.286" v="3945"/>
          <ac:inkMkLst>
            <pc:docMk/>
            <pc:sldMk cId="1369791146" sldId="293"/>
            <ac:inkMk id="37" creationId="{1AE893C3-91C4-250F-6996-BE1A0FE65152}"/>
          </ac:inkMkLst>
        </pc:inkChg>
        <pc:inkChg chg="add mod">
          <ac:chgData name="Nikolas Vitaliti" userId="8c720cfb-423e-41d2-902f-4cf486698773" providerId="ADAL" clId="{2D67DE44-C58E-4A57-8D0C-F809935F85CE}" dt="2022-12-17T12:26:42.073" v="2173"/>
          <ac:inkMkLst>
            <pc:docMk/>
            <pc:sldMk cId="1369791146" sldId="293"/>
            <ac:inkMk id="37" creationId="{23B211F5-D505-79E2-EABB-4E34BB9603B8}"/>
          </ac:inkMkLst>
        </pc:inkChg>
        <pc:inkChg chg="add mod">
          <ac:chgData name="Nikolas Vitaliti" userId="8c720cfb-423e-41d2-902f-4cf486698773" providerId="ADAL" clId="{2D67DE44-C58E-4A57-8D0C-F809935F85CE}" dt="2022-12-17T12:26:42.073" v="2173"/>
          <ac:inkMkLst>
            <pc:docMk/>
            <pc:sldMk cId="1369791146" sldId="293"/>
            <ac:inkMk id="38" creationId="{8EBB8268-9581-3289-B22E-D2926DDE5161}"/>
          </ac:inkMkLst>
        </pc:inkChg>
        <pc:inkChg chg="add">
          <ac:chgData name="Nikolas Vitaliti" userId="8c720cfb-423e-41d2-902f-4cf486698773" providerId="ADAL" clId="{2D67DE44-C58E-4A57-8D0C-F809935F85CE}" dt="2022-12-18T11:44:35.633" v="3938" actId="9405"/>
          <ac:inkMkLst>
            <pc:docMk/>
            <pc:sldMk cId="1369791146" sldId="293"/>
            <ac:inkMk id="38" creationId="{F688612D-A400-AAF5-5B1D-0CA682E139DA}"/>
          </ac:inkMkLst>
        </pc:inkChg>
        <pc:inkChg chg="add mod">
          <ac:chgData name="Nikolas Vitaliti" userId="8c720cfb-423e-41d2-902f-4cf486698773" providerId="ADAL" clId="{2D67DE44-C58E-4A57-8D0C-F809935F85CE}" dt="2022-12-18T11:44:38.286" v="3945"/>
          <ac:inkMkLst>
            <pc:docMk/>
            <pc:sldMk cId="1369791146" sldId="293"/>
            <ac:inkMk id="39" creationId="{6C8CC6B1-36C1-3267-6E67-0B44189F9DA4}"/>
          </ac:inkMkLst>
        </pc:inkChg>
        <pc:inkChg chg="add mod">
          <ac:chgData name="Nikolas Vitaliti" userId="8c720cfb-423e-41d2-902f-4cf486698773" providerId="ADAL" clId="{2D67DE44-C58E-4A57-8D0C-F809935F85CE}" dt="2022-12-18T11:44:38.286" v="3945"/>
          <ac:inkMkLst>
            <pc:docMk/>
            <pc:sldMk cId="1369791146" sldId="293"/>
            <ac:inkMk id="40" creationId="{2BF2A396-181E-C92F-0C8D-F4BB2FDD157D}"/>
          </ac:inkMkLst>
        </pc:inkChg>
        <pc:inkChg chg="add">
          <ac:chgData name="Nikolas Vitaliti" userId="8c720cfb-423e-41d2-902f-4cf486698773" providerId="ADAL" clId="{2D67DE44-C58E-4A57-8D0C-F809935F85CE}" dt="2022-12-18T11:44:36.684" v="3941" actId="9405"/>
          <ac:inkMkLst>
            <pc:docMk/>
            <pc:sldMk cId="1369791146" sldId="293"/>
            <ac:inkMk id="41" creationId="{C40523E0-3F3C-725D-5103-2473CAD5426D}"/>
          </ac:inkMkLst>
        </pc:inkChg>
        <pc:inkChg chg="add">
          <ac:chgData name="Nikolas Vitaliti" userId="8c720cfb-423e-41d2-902f-4cf486698773" providerId="ADAL" clId="{2D67DE44-C58E-4A57-8D0C-F809935F85CE}" dt="2022-12-18T11:44:37.014" v="3942" actId="9405"/>
          <ac:inkMkLst>
            <pc:docMk/>
            <pc:sldMk cId="1369791146" sldId="293"/>
            <ac:inkMk id="42" creationId="{ACEE5A33-6850-52AC-FFC8-D18AE64579D0}"/>
          </ac:inkMkLst>
        </pc:inkChg>
        <pc:inkChg chg="add mod">
          <ac:chgData name="Nikolas Vitaliti" userId="8c720cfb-423e-41d2-902f-4cf486698773" providerId="ADAL" clId="{2D67DE44-C58E-4A57-8D0C-F809935F85CE}" dt="2022-12-18T11:44:38.286" v="3945"/>
          <ac:inkMkLst>
            <pc:docMk/>
            <pc:sldMk cId="1369791146" sldId="293"/>
            <ac:inkMk id="43" creationId="{30EABEB5-C4C7-5306-250E-527527AE2B21}"/>
          </ac:inkMkLst>
        </pc:inkChg>
        <pc:inkChg chg="add mod">
          <ac:chgData name="Nikolas Vitaliti" userId="8c720cfb-423e-41d2-902f-4cf486698773" providerId="ADAL" clId="{2D67DE44-C58E-4A57-8D0C-F809935F85CE}" dt="2022-12-18T11:44:38.286" v="3945"/>
          <ac:inkMkLst>
            <pc:docMk/>
            <pc:sldMk cId="1369791146" sldId="293"/>
            <ac:inkMk id="44" creationId="{0DD7116A-7D4A-560B-2A37-0C56895E4AAA}"/>
          </ac:inkMkLst>
        </pc:inkChg>
        <pc:inkChg chg="del">
          <ac:chgData name="Nikolas Vitaliti" userId="8c720cfb-423e-41d2-902f-4cf486698773" providerId="ADAL" clId="{2D67DE44-C58E-4A57-8D0C-F809935F85CE}" dt="2022-12-18T11:42:57.433" v="3907" actId="21"/>
          <ac:inkMkLst>
            <pc:docMk/>
            <pc:sldMk cId="1369791146" sldId="293"/>
            <ac:inkMk id="418" creationId="{B5660794-B8C0-48E2-E11C-EAB0874DF637}"/>
          </ac:inkMkLst>
        </pc:inkChg>
        <pc:inkChg chg="del">
          <ac:chgData name="Nikolas Vitaliti" userId="8c720cfb-423e-41d2-902f-4cf486698773" providerId="ADAL" clId="{2D67DE44-C58E-4A57-8D0C-F809935F85CE}" dt="2022-12-18T11:42:57.433" v="3907" actId="21"/>
          <ac:inkMkLst>
            <pc:docMk/>
            <pc:sldMk cId="1369791146" sldId="293"/>
            <ac:inkMk id="419" creationId="{BBB880C1-5279-8F9A-ED91-71E9D1682CD4}"/>
          </ac:inkMkLst>
        </pc:inkChg>
        <pc:inkChg chg="del">
          <ac:chgData name="Nikolas Vitaliti" userId="8c720cfb-423e-41d2-902f-4cf486698773" providerId="ADAL" clId="{2D67DE44-C58E-4A57-8D0C-F809935F85CE}" dt="2022-12-18T11:42:57.433" v="3907" actId="21"/>
          <ac:inkMkLst>
            <pc:docMk/>
            <pc:sldMk cId="1369791146" sldId="293"/>
            <ac:inkMk id="420" creationId="{542B51C4-81BD-D34C-BC8A-38192437DFC2}"/>
          </ac:inkMkLst>
        </pc:inkChg>
        <pc:inkChg chg="del">
          <ac:chgData name="Nikolas Vitaliti" userId="8c720cfb-423e-41d2-902f-4cf486698773" providerId="ADAL" clId="{2D67DE44-C58E-4A57-8D0C-F809935F85CE}" dt="2022-12-18T11:42:57.433" v="3907" actId="21"/>
          <ac:inkMkLst>
            <pc:docMk/>
            <pc:sldMk cId="1369791146" sldId="293"/>
            <ac:inkMk id="421" creationId="{53CDAEA4-7105-488C-971A-3BD819E21E5D}"/>
          </ac:inkMkLst>
        </pc:inkChg>
        <pc:inkChg chg="del">
          <ac:chgData name="Nikolas Vitaliti" userId="8c720cfb-423e-41d2-902f-4cf486698773" providerId="ADAL" clId="{2D67DE44-C58E-4A57-8D0C-F809935F85CE}" dt="2022-12-18T11:42:57.433" v="3907" actId="21"/>
          <ac:inkMkLst>
            <pc:docMk/>
            <pc:sldMk cId="1369791146" sldId="293"/>
            <ac:inkMk id="422" creationId="{01A2322B-B053-379C-9F16-D35B65EB5844}"/>
          </ac:inkMkLst>
        </pc:inkChg>
        <pc:inkChg chg="del">
          <ac:chgData name="Nikolas Vitaliti" userId="8c720cfb-423e-41d2-902f-4cf486698773" providerId="ADAL" clId="{2D67DE44-C58E-4A57-8D0C-F809935F85CE}" dt="2022-12-18T11:42:57.433" v="3907" actId="21"/>
          <ac:inkMkLst>
            <pc:docMk/>
            <pc:sldMk cId="1369791146" sldId="293"/>
            <ac:inkMk id="423" creationId="{F96A61F1-3407-1D1A-66B2-E4B7258C55C9}"/>
          </ac:inkMkLst>
        </pc:inkChg>
        <pc:inkChg chg="del">
          <ac:chgData name="Nikolas Vitaliti" userId="8c720cfb-423e-41d2-902f-4cf486698773" providerId="ADAL" clId="{2D67DE44-C58E-4A57-8D0C-F809935F85CE}" dt="2022-12-18T11:42:57.433" v="3907" actId="21"/>
          <ac:inkMkLst>
            <pc:docMk/>
            <pc:sldMk cId="1369791146" sldId="293"/>
            <ac:inkMk id="424" creationId="{A4D361C0-AF46-579A-D76E-592508E5A250}"/>
          </ac:inkMkLst>
        </pc:inkChg>
        <pc:cxnChg chg="add del mod">
          <ac:chgData name="Nikolas Vitaliti" userId="8c720cfb-423e-41d2-902f-4cf486698773" providerId="ADAL" clId="{2D67DE44-C58E-4A57-8D0C-F809935F85CE}" dt="2022-12-18T11:28:53.615" v="3482" actId="478"/>
          <ac:cxnSpMkLst>
            <pc:docMk/>
            <pc:sldMk cId="1369791146" sldId="293"/>
            <ac:cxnSpMk id="7" creationId="{71483A0C-96E4-4ECD-96E5-270AE8CC7532}"/>
          </ac:cxnSpMkLst>
        </pc:cxnChg>
      </pc:sldChg>
      <pc:sldChg chg="addSp delSp modSp new mod">
        <pc:chgData name="Nikolas Vitaliti" userId="8c720cfb-423e-41d2-902f-4cf486698773" providerId="ADAL" clId="{2D67DE44-C58E-4A57-8D0C-F809935F85CE}" dt="2022-12-18T12:00:13.094" v="4141" actId="113"/>
        <pc:sldMkLst>
          <pc:docMk/>
          <pc:sldMk cId="1333170057" sldId="294"/>
        </pc:sldMkLst>
        <pc:spChg chg="mod">
          <ac:chgData name="Nikolas Vitaliti" userId="8c720cfb-423e-41d2-902f-4cf486698773" providerId="ADAL" clId="{2D67DE44-C58E-4A57-8D0C-F809935F85CE}" dt="2022-12-17T11:02:01.283" v="1937" actId="20577"/>
          <ac:spMkLst>
            <pc:docMk/>
            <pc:sldMk cId="1333170057" sldId="294"/>
            <ac:spMk id="2" creationId="{DD749E3F-649B-6CC2-945F-0E42F4462CEF}"/>
          </ac:spMkLst>
        </pc:spChg>
        <pc:spChg chg="add del mod">
          <ac:chgData name="Nikolas Vitaliti" userId="8c720cfb-423e-41d2-902f-4cf486698773" providerId="ADAL" clId="{2D67DE44-C58E-4A57-8D0C-F809935F85CE}" dt="2022-12-18T11:41:34.296" v="3879" actId="21"/>
          <ac:spMkLst>
            <pc:docMk/>
            <pc:sldMk cId="1333170057" sldId="294"/>
            <ac:spMk id="3" creationId="{DF12B2F3-C675-3E08-69C5-8BB479D20967}"/>
          </ac:spMkLst>
        </pc:spChg>
        <pc:spChg chg="add del mod">
          <ac:chgData name="Nikolas Vitaliti" userId="8c720cfb-423e-41d2-902f-4cf486698773" providerId="ADAL" clId="{2D67DE44-C58E-4A57-8D0C-F809935F85CE}" dt="2022-12-18T11:42:05.272" v="3894" actId="21"/>
          <ac:spMkLst>
            <pc:docMk/>
            <pc:sldMk cId="1333170057" sldId="294"/>
            <ac:spMk id="6" creationId="{4310B8E4-553B-D2A2-21BE-D4BF157821A0}"/>
          </ac:spMkLst>
        </pc:spChg>
        <pc:spChg chg="add del mod">
          <ac:chgData name="Nikolas Vitaliti" userId="8c720cfb-423e-41d2-902f-4cf486698773" providerId="ADAL" clId="{2D67DE44-C58E-4A57-8D0C-F809935F85CE}" dt="2022-12-18T11:41:34.296" v="3879" actId="21"/>
          <ac:spMkLst>
            <pc:docMk/>
            <pc:sldMk cId="1333170057" sldId="294"/>
            <ac:spMk id="7" creationId="{73276299-C597-42C3-BB02-93935D7D068C}"/>
          </ac:spMkLst>
        </pc:spChg>
        <pc:spChg chg="add del mod">
          <ac:chgData name="Nikolas Vitaliti" userId="8c720cfb-423e-41d2-902f-4cf486698773" providerId="ADAL" clId="{2D67DE44-C58E-4A57-8D0C-F809935F85CE}" dt="2022-12-18T11:43:16.060" v="3910" actId="21"/>
          <ac:spMkLst>
            <pc:docMk/>
            <pc:sldMk cId="1333170057" sldId="294"/>
            <ac:spMk id="10" creationId="{89FF0CEE-6AC6-D7CA-B419-BB6ED5A9AD19}"/>
          </ac:spMkLst>
        </pc:spChg>
        <pc:spChg chg="add del mod">
          <ac:chgData name="Nikolas Vitaliti" userId="8c720cfb-423e-41d2-902f-4cf486698773" providerId="ADAL" clId="{2D67DE44-C58E-4A57-8D0C-F809935F85CE}" dt="2022-12-18T11:43:16.060" v="3910" actId="21"/>
          <ac:spMkLst>
            <pc:docMk/>
            <pc:sldMk cId="1333170057" sldId="294"/>
            <ac:spMk id="13" creationId="{8216F45A-A69D-9C3F-5ABD-A70BE8E61048}"/>
          </ac:spMkLst>
        </pc:spChg>
        <pc:spChg chg="mod">
          <ac:chgData name="Nikolas Vitaliti" userId="8c720cfb-423e-41d2-902f-4cf486698773" providerId="ADAL" clId="{2D67DE44-C58E-4A57-8D0C-F809935F85CE}" dt="2022-12-18T11:41:34.930" v="3880" actId="1076"/>
          <ac:spMkLst>
            <pc:docMk/>
            <pc:sldMk cId="1333170057" sldId="294"/>
            <ac:spMk id="19" creationId="{E3573A87-19A5-0FC7-9324-AA41F6C20BE1}"/>
          </ac:spMkLst>
        </pc:spChg>
        <pc:spChg chg="mod">
          <ac:chgData name="Nikolas Vitaliti" userId="8c720cfb-423e-41d2-902f-4cf486698773" providerId="ADAL" clId="{2D67DE44-C58E-4A57-8D0C-F809935F85CE}" dt="2022-12-18T12:00:13.094" v="4141" actId="113"/>
          <ac:spMkLst>
            <pc:docMk/>
            <pc:sldMk cId="1333170057" sldId="294"/>
            <ac:spMk id="24" creationId="{FE69AAC1-C4BA-4E80-C978-AE8846FDD692}"/>
          </ac:spMkLst>
        </pc:spChg>
        <pc:spChg chg="mod">
          <ac:chgData name="Nikolas Vitaliti" userId="8c720cfb-423e-41d2-902f-4cf486698773" providerId="ADAL" clId="{2D67DE44-C58E-4A57-8D0C-F809935F85CE}" dt="2022-12-18T11:41:34.930" v="3880" actId="1076"/>
          <ac:spMkLst>
            <pc:docMk/>
            <pc:sldMk cId="1333170057" sldId="294"/>
            <ac:spMk id="29" creationId="{54A9A2C3-D18B-17F9-A1F1-DE8D90E1A39F}"/>
          </ac:spMkLst>
        </pc:spChg>
        <pc:graphicFrameChg chg="add mod">
          <ac:chgData name="Nikolas Vitaliti" userId="8c720cfb-423e-41d2-902f-4cf486698773" providerId="ADAL" clId="{2D67DE44-C58E-4A57-8D0C-F809935F85CE}" dt="2022-12-17T11:18:40.714" v="2081" actId="1076"/>
          <ac:graphicFrameMkLst>
            <pc:docMk/>
            <pc:sldMk cId="1333170057" sldId="294"/>
            <ac:graphicFrameMk id="5" creationId="{F32629CB-2216-5CD8-3997-79D2BAEAA5A1}"/>
          </ac:graphicFrameMkLst>
        </pc:graphicFrameChg>
        <pc:graphicFrameChg chg="del mod">
          <ac:chgData name="Nikolas Vitaliti" userId="8c720cfb-423e-41d2-902f-4cf486698773" providerId="ADAL" clId="{2D67DE44-C58E-4A57-8D0C-F809935F85CE}" dt="2022-12-17T11:18:37.573" v="2079" actId="478"/>
          <ac:graphicFrameMkLst>
            <pc:docMk/>
            <pc:sldMk cId="1333170057" sldId="294"/>
            <ac:graphicFrameMk id="10" creationId="{20E6EE24-2E25-0FC3-996E-4B3CAD438FAA}"/>
          </ac:graphicFrameMkLst>
        </pc:graphicFrameChg>
        <pc:picChg chg="add mod">
          <ac:chgData name="Nikolas Vitaliti" userId="8c720cfb-423e-41d2-902f-4cf486698773" providerId="ADAL" clId="{2D67DE44-C58E-4A57-8D0C-F809935F85CE}" dt="2022-12-17T11:01:58.067" v="1934" actId="14100"/>
          <ac:picMkLst>
            <pc:docMk/>
            <pc:sldMk cId="1333170057" sldId="294"/>
            <ac:picMk id="6" creationId="{6079038C-33A8-E9CA-0FDB-A8C16060438C}"/>
          </ac:picMkLst>
        </pc:picChg>
        <pc:picChg chg="add del mod">
          <ac:chgData name="Nikolas Vitaliti" userId="8c720cfb-423e-41d2-902f-4cf486698773" providerId="ADAL" clId="{2D67DE44-C58E-4A57-8D0C-F809935F85CE}" dt="2022-12-18T11:43:16.060" v="3910" actId="21"/>
          <ac:picMkLst>
            <pc:docMk/>
            <pc:sldMk cId="1333170057" sldId="294"/>
            <ac:picMk id="9" creationId="{F25602C7-DD99-8AF7-A9DC-0DCAB077D365}"/>
          </ac:picMkLst>
        </pc:picChg>
        <pc:picChg chg="mod">
          <ac:chgData name="Nikolas Vitaliti" userId="8c720cfb-423e-41d2-902f-4cf486698773" providerId="ADAL" clId="{2D67DE44-C58E-4A57-8D0C-F809935F85CE}" dt="2022-12-18T11:41:53.404" v="3891" actId="1076"/>
          <ac:picMkLst>
            <pc:docMk/>
            <pc:sldMk cId="1333170057" sldId="294"/>
            <ac:picMk id="12" creationId="{0114416B-D152-4A43-1771-D0B9A4C5217B}"/>
          </ac:picMkLst>
        </pc:picChg>
        <pc:picChg chg="mod">
          <ac:chgData name="Nikolas Vitaliti" userId="8c720cfb-423e-41d2-902f-4cf486698773" providerId="ADAL" clId="{2D67DE44-C58E-4A57-8D0C-F809935F85CE}" dt="2022-12-18T11:42:06.348" v="3895" actId="1076"/>
          <ac:picMkLst>
            <pc:docMk/>
            <pc:sldMk cId="1333170057" sldId="294"/>
            <ac:picMk id="33" creationId="{59FC1A32-1CB7-735F-BEEC-D0FB50B7B243}"/>
          </ac:picMkLst>
        </pc:picChg>
        <pc:picChg chg="add del mod">
          <ac:chgData name="Nikolas Vitaliti" userId="8c720cfb-423e-41d2-902f-4cf486698773" providerId="ADAL" clId="{2D67DE44-C58E-4A57-8D0C-F809935F85CE}" dt="2022-12-18T11:42:05.272" v="3894" actId="21"/>
          <ac:picMkLst>
            <pc:docMk/>
            <pc:sldMk cId="1333170057" sldId="294"/>
            <ac:picMk id="55" creationId="{9C56C23C-3CE8-4F94-1D7B-BE5FED16CE26}"/>
          </ac:picMkLst>
        </pc:picChg>
        <pc:inkChg chg="add del mod">
          <ac:chgData name="Nikolas Vitaliti" userId="8c720cfb-423e-41d2-902f-4cf486698773" providerId="ADAL" clId="{2D67DE44-C58E-4A57-8D0C-F809935F85CE}" dt="2022-12-18T11:43:16.060" v="3910" actId="21"/>
          <ac:inkMkLst>
            <pc:docMk/>
            <pc:sldMk cId="1333170057" sldId="294"/>
            <ac:inkMk id="14" creationId="{2F9AB570-5EA6-F85E-B377-BF26C429351C}"/>
          </ac:inkMkLst>
        </pc:inkChg>
        <pc:inkChg chg="add del mod">
          <ac:chgData name="Nikolas Vitaliti" userId="8c720cfb-423e-41d2-902f-4cf486698773" providerId="ADAL" clId="{2D67DE44-C58E-4A57-8D0C-F809935F85CE}" dt="2022-12-18T11:43:16.060" v="3910" actId="21"/>
          <ac:inkMkLst>
            <pc:docMk/>
            <pc:sldMk cId="1333170057" sldId="294"/>
            <ac:inkMk id="15" creationId="{D6948B8E-A64F-6932-674C-E235259DD954}"/>
          </ac:inkMkLst>
        </pc:inkChg>
        <pc:inkChg chg="add del mod">
          <ac:chgData name="Nikolas Vitaliti" userId="8c720cfb-423e-41d2-902f-4cf486698773" providerId="ADAL" clId="{2D67DE44-C58E-4A57-8D0C-F809935F85CE}" dt="2022-12-18T11:43:16.060" v="3910" actId="21"/>
          <ac:inkMkLst>
            <pc:docMk/>
            <pc:sldMk cId="1333170057" sldId="294"/>
            <ac:inkMk id="17" creationId="{980D2EC8-3187-D868-3F09-1C80FE91E60D}"/>
          </ac:inkMkLst>
        </pc:inkChg>
        <pc:inkChg chg="add del mod">
          <ac:chgData name="Nikolas Vitaliti" userId="8c720cfb-423e-41d2-902f-4cf486698773" providerId="ADAL" clId="{2D67DE44-C58E-4A57-8D0C-F809935F85CE}" dt="2022-12-18T11:43:16.060" v="3910" actId="21"/>
          <ac:inkMkLst>
            <pc:docMk/>
            <pc:sldMk cId="1333170057" sldId="294"/>
            <ac:inkMk id="20" creationId="{BA245CE0-D982-72E0-905F-07BA775EFB49}"/>
          </ac:inkMkLst>
        </pc:inkChg>
        <pc:inkChg chg="add del mod">
          <ac:chgData name="Nikolas Vitaliti" userId="8c720cfb-423e-41d2-902f-4cf486698773" providerId="ADAL" clId="{2D67DE44-C58E-4A57-8D0C-F809935F85CE}" dt="2022-12-18T11:43:16.060" v="3910" actId="21"/>
          <ac:inkMkLst>
            <pc:docMk/>
            <pc:sldMk cId="1333170057" sldId="294"/>
            <ac:inkMk id="21" creationId="{9AAF2F66-DAA7-64B5-6B39-18F7AA962B4E}"/>
          </ac:inkMkLst>
        </pc:inkChg>
        <pc:inkChg chg="add del mod">
          <ac:chgData name="Nikolas Vitaliti" userId="8c720cfb-423e-41d2-902f-4cf486698773" providerId="ADAL" clId="{2D67DE44-C58E-4A57-8D0C-F809935F85CE}" dt="2022-12-18T11:43:16.060" v="3910" actId="21"/>
          <ac:inkMkLst>
            <pc:docMk/>
            <pc:sldMk cId="1333170057" sldId="294"/>
            <ac:inkMk id="22" creationId="{127BE510-CC1D-EC47-83DD-DA3E4807CBB1}"/>
          </ac:inkMkLst>
        </pc:inkChg>
        <pc:inkChg chg="add del mod">
          <ac:chgData name="Nikolas Vitaliti" userId="8c720cfb-423e-41d2-902f-4cf486698773" providerId="ADAL" clId="{2D67DE44-C58E-4A57-8D0C-F809935F85CE}" dt="2022-12-18T11:43:16.060" v="3910" actId="21"/>
          <ac:inkMkLst>
            <pc:docMk/>
            <pc:sldMk cId="1333170057" sldId="294"/>
            <ac:inkMk id="23" creationId="{0772F7A7-5D4A-A50F-8645-3D1BA2E7E7AE}"/>
          </ac:inkMkLst>
        </pc:inkChg>
      </pc:sldChg>
      <pc:sldChg chg="addSp delSp modSp mod">
        <pc:chgData name="Nikolas Vitaliti" userId="8c720cfb-423e-41d2-902f-4cf486698773" providerId="ADAL" clId="{2D67DE44-C58E-4A57-8D0C-F809935F85CE}" dt="2022-12-18T12:11:18.917" v="4370" actId="20577"/>
        <pc:sldMkLst>
          <pc:docMk/>
          <pc:sldMk cId="390031177" sldId="295"/>
        </pc:sldMkLst>
        <pc:spChg chg="add mod">
          <ac:chgData name="Nikolas Vitaliti" userId="8c720cfb-423e-41d2-902f-4cf486698773" providerId="ADAL" clId="{2D67DE44-C58E-4A57-8D0C-F809935F85CE}" dt="2022-12-18T12:05:54.594" v="4177" actId="207"/>
          <ac:spMkLst>
            <pc:docMk/>
            <pc:sldMk cId="390031177" sldId="295"/>
            <ac:spMk id="6" creationId="{6A8C1CD6-5235-ABFF-4310-B04B71C94905}"/>
          </ac:spMkLst>
        </pc:spChg>
        <pc:spChg chg="mod">
          <ac:chgData name="Nikolas Vitaliti" userId="8c720cfb-423e-41d2-902f-4cf486698773" providerId="ADAL" clId="{2D67DE44-C58E-4A57-8D0C-F809935F85CE}" dt="2022-12-18T12:11:18.917" v="4370" actId="20577"/>
          <ac:spMkLst>
            <pc:docMk/>
            <pc:sldMk cId="390031177" sldId="295"/>
            <ac:spMk id="21" creationId="{8F491E90-F297-FDD1-8808-591713591313}"/>
          </ac:spMkLst>
        </pc:spChg>
        <pc:grpChg chg="mod">
          <ac:chgData name="Nikolas Vitaliti" userId="8c720cfb-423e-41d2-902f-4cf486698773" providerId="ADAL" clId="{2D67DE44-C58E-4A57-8D0C-F809935F85CE}" dt="2022-12-18T10:51:19.305" v="3344"/>
          <ac:grpSpMkLst>
            <pc:docMk/>
            <pc:sldMk cId="390031177" sldId="295"/>
            <ac:grpSpMk id="28" creationId="{85AB8F9A-D3AF-F809-D81D-F299AEB66217}"/>
          </ac:grpSpMkLst>
        </pc:grpChg>
        <pc:picChg chg="add mod">
          <ac:chgData name="Nikolas Vitaliti" userId="8c720cfb-423e-41d2-902f-4cf486698773" providerId="ADAL" clId="{2D67DE44-C58E-4A57-8D0C-F809935F85CE}" dt="2022-12-18T12:05:24.388" v="4145" actId="1076"/>
          <ac:picMkLst>
            <pc:docMk/>
            <pc:sldMk cId="390031177" sldId="295"/>
            <ac:picMk id="5" creationId="{0773561F-BFBD-1561-4045-42E3B00EA8BB}"/>
          </ac:picMkLst>
        </pc:picChg>
        <pc:picChg chg="add del mod">
          <ac:chgData name="Nikolas Vitaliti" userId="8c720cfb-423e-41d2-902f-4cf486698773" providerId="ADAL" clId="{2D67DE44-C58E-4A57-8D0C-F809935F85CE}" dt="2022-12-18T11:23:58.951" v="3360" actId="21"/>
          <ac:picMkLst>
            <pc:docMk/>
            <pc:sldMk cId="390031177" sldId="295"/>
            <ac:picMk id="5" creationId="{EFCAA9A4-2035-798F-2B5C-E5A81DD4BFB6}"/>
          </ac:picMkLst>
        </pc:picChg>
        <pc:picChg chg="add del mod">
          <ac:chgData name="Nikolas Vitaliti" userId="8c720cfb-423e-41d2-902f-4cf486698773" providerId="ADAL" clId="{2D67DE44-C58E-4A57-8D0C-F809935F85CE}" dt="2022-12-18T10:51:29.168" v="3351" actId="21"/>
          <ac:picMkLst>
            <pc:docMk/>
            <pc:sldMk cId="390031177" sldId="295"/>
            <ac:picMk id="6" creationId="{E2A1C9F9-AF26-6CFF-5E98-75ECDEC10B9A}"/>
          </ac:picMkLst>
        </pc:picChg>
        <pc:inkChg chg="add">
          <ac:chgData name="Nikolas Vitaliti" userId="8c720cfb-423e-41d2-902f-4cf486698773" providerId="ADAL" clId="{2D67DE44-C58E-4A57-8D0C-F809935F85CE}" dt="2022-12-18T10:09:49.612" v="3129" actId="9405"/>
          <ac:inkMkLst>
            <pc:docMk/>
            <pc:sldMk cId="390031177" sldId="295"/>
            <ac:inkMk id="7" creationId="{A1664339-B0BC-B3E1-EBF0-704A5FA5B5E1}"/>
          </ac:inkMkLst>
        </pc:inkChg>
        <pc:inkChg chg="add">
          <ac:chgData name="Nikolas Vitaliti" userId="8c720cfb-423e-41d2-902f-4cf486698773" providerId="ADAL" clId="{2D67DE44-C58E-4A57-8D0C-F809935F85CE}" dt="2022-12-18T10:09:50.774" v="3130" actId="9405"/>
          <ac:inkMkLst>
            <pc:docMk/>
            <pc:sldMk cId="390031177" sldId="295"/>
            <ac:inkMk id="9" creationId="{097A298E-4A75-379A-7071-B98121E571E8}"/>
          </ac:inkMkLst>
        </pc:inkChg>
        <pc:inkChg chg="add">
          <ac:chgData name="Nikolas Vitaliti" userId="8c720cfb-423e-41d2-902f-4cf486698773" providerId="ADAL" clId="{2D67DE44-C58E-4A57-8D0C-F809935F85CE}" dt="2022-12-18T10:09:51.998" v="3131" actId="9405"/>
          <ac:inkMkLst>
            <pc:docMk/>
            <pc:sldMk cId="390031177" sldId="295"/>
            <ac:inkMk id="10" creationId="{FAB37710-E6A2-B247-91AC-8CCB388DE1AB}"/>
          </ac:inkMkLst>
        </pc:inkChg>
        <pc:inkChg chg="add">
          <ac:chgData name="Nikolas Vitaliti" userId="8c720cfb-423e-41d2-902f-4cf486698773" providerId="ADAL" clId="{2D67DE44-C58E-4A57-8D0C-F809935F85CE}" dt="2022-12-18T10:09:52.422" v="3132" actId="9405"/>
          <ac:inkMkLst>
            <pc:docMk/>
            <pc:sldMk cId="390031177" sldId="295"/>
            <ac:inkMk id="11" creationId="{1D595776-D512-3087-51E8-B0121F7DCA95}"/>
          </ac:inkMkLst>
        </pc:inkChg>
        <pc:inkChg chg="add">
          <ac:chgData name="Nikolas Vitaliti" userId="8c720cfb-423e-41d2-902f-4cf486698773" providerId="ADAL" clId="{2D67DE44-C58E-4A57-8D0C-F809935F85CE}" dt="2022-12-18T10:09:53.222" v="3133" actId="9405"/>
          <ac:inkMkLst>
            <pc:docMk/>
            <pc:sldMk cId="390031177" sldId="295"/>
            <ac:inkMk id="12" creationId="{B008933E-CD07-72D7-630B-F8FB39AB1305}"/>
          </ac:inkMkLst>
        </pc:inkChg>
        <pc:inkChg chg="add">
          <ac:chgData name="Nikolas Vitaliti" userId="8c720cfb-423e-41d2-902f-4cf486698773" providerId="ADAL" clId="{2D67DE44-C58E-4A57-8D0C-F809935F85CE}" dt="2022-12-18T10:51:12.166" v="3332" actId="9405"/>
          <ac:inkMkLst>
            <pc:docMk/>
            <pc:sldMk cId="390031177" sldId="295"/>
            <ac:inkMk id="13" creationId="{F488983C-A954-C54C-ADFD-E37FA81666E1}"/>
          </ac:inkMkLst>
        </pc:inkChg>
        <pc:inkChg chg="add">
          <ac:chgData name="Nikolas Vitaliti" userId="8c720cfb-423e-41d2-902f-4cf486698773" providerId="ADAL" clId="{2D67DE44-C58E-4A57-8D0C-F809935F85CE}" dt="2022-12-18T10:51:12.951" v="3333" actId="9405"/>
          <ac:inkMkLst>
            <pc:docMk/>
            <pc:sldMk cId="390031177" sldId="295"/>
            <ac:inkMk id="14" creationId="{14D72A22-9335-156A-54F5-CC6794199D86}"/>
          </ac:inkMkLst>
        </pc:inkChg>
        <pc:inkChg chg="add">
          <ac:chgData name="Nikolas Vitaliti" userId="8c720cfb-423e-41d2-902f-4cf486698773" providerId="ADAL" clId="{2D67DE44-C58E-4A57-8D0C-F809935F85CE}" dt="2022-12-18T10:51:13.280" v="3334" actId="9405"/>
          <ac:inkMkLst>
            <pc:docMk/>
            <pc:sldMk cId="390031177" sldId="295"/>
            <ac:inkMk id="15" creationId="{1A55B698-46D0-AA8F-8768-74209A7742CE}"/>
          </ac:inkMkLst>
        </pc:inkChg>
        <pc:inkChg chg="add">
          <ac:chgData name="Nikolas Vitaliti" userId="8c720cfb-423e-41d2-902f-4cf486698773" providerId="ADAL" clId="{2D67DE44-C58E-4A57-8D0C-F809935F85CE}" dt="2022-12-18T10:51:13.641" v="3335" actId="9405"/>
          <ac:inkMkLst>
            <pc:docMk/>
            <pc:sldMk cId="390031177" sldId="295"/>
            <ac:inkMk id="17" creationId="{9B9385DF-D56D-3DD3-4762-8D8D22127EB6}"/>
          </ac:inkMkLst>
        </pc:inkChg>
        <pc:inkChg chg="add">
          <ac:chgData name="Nikolas Vitaliti" userId="8c720cfb-423e-41d2-902f-4cf486698773" providerId="ADAL" clId="{2D67DE44-C58E-4A57-8D0C-F809935F85CE}" dt="2022-12-18T10:51:14.708" v="3336" actId="9405"/>
          <ac:inkMkLst>
            <pc:docMk/>
            <pc:sldMk cId="390031177" sldId="295"/>
            <ac:inkMk id="19" creationId="{680A7C7B-C158-302F-C173-8EE0E1025B00}"/>
          </ac:inkMkLst>
        </pc:inkChg>
        <pc:inkChg chg="add mod">
          <ac:chgData name="Nikolas Vitaliti" userId="8c720cfb-423e-41d2-902f-4cf486698773" providerId="ADAL" clId="{2D67DE44-C58E-4A57-8D0C-F809935F85CE}" dt="2022-12-18T10:51:19.305" v="3344"/>
          <ac:inkMkLst>
            <pc:docMk/>
            <pc:sldMk cId="390031177" sldId="295"/>
            <ac:inkMk id="20" creationId="{E6618EE4-1A80-3840-78AD-9ECEC91D0C58}"/>
          </ac:inkMkLst>
        </pc:inkChg>
        <pc:inkChg chg="add mod">
          <ac:chgData name="Nikolas Vitaliti" userId="8c720cfb-423e-41d2-902f-4cf486698773" providerId="ADAL" clId="{2D67DE44-C58E-4A57-8D0C-F809935F85CE}" dt="2022-12-18T10:51:19.305" v="3344"/>
          <ac:inkMkLst>
            <pc:docMk/>
            <pc:sldMk cId="390031177" sldId="295"/>
            <ac:inkMk id="22" creationId="{5F41B6D1-A77C-39C8-DCC4-DC4315B164B4}"/>
          </ac:inkMkLst>
        </pc:inkChg>
        <pc:inkChg chg="add">
          <ac:chgData name="Nikolas Vitaliti" userId="8c720cfb-423e-41d2-902f-4cf486698773" providerId="ADAL" clId="{2D67DE44-C58E-4A57-8D0C-F809935F85CE}" dt="2022-12-18T10:51:16.010" v="3339" actId="9405"/>
          <ac:inkMkLst>
            <pc:docMk/>
            <pc:sldMk cId="390031177" sldId="295"/>
            <ac:inkMk id="23" creationId="{90CB71BE-C0B7-6373-F981-C186C042072B}"/>
          </ac:inkMkLst>
        </pc:inkChg>
        <pc:inkChg chg="add">
          <ac:chgData name="Nikolas Vitaliti" userId="8c720cfb-423e-41d2-902f-4cf486698773" providerId="ADAL" clId="{2D67DE44-C58E-4A57-8D0C-F809935F85CE}" dt="2022-12-18T10:51:16.340" v="3340" actId="9405"/>
          <ac:inkMkLst>
            <pc:docMk/>
            <pc:sldMk cId="390031177" sldId="295"/>
            <ac:inkMk id="24" creationId="{544BBD12-8950-DFD1-6A2F-D8C4C2CABCB0}"/>
          </ac:inkMkLst>
        </pc:inkChg>
        <pc:inkChg chg="add">
          <ac:chgData name="Nikolas Vitaliti" userId="8c720cfb-423e-41d2-902f-4cf486698773" providerId="ADAL" clId="{2D67DE44-C58E-4A57-8D0C-F809935F85CE}" dt="2022-12-18T10:51:17.846" v="3341" actId="9405"/>
          <ac:inkMkLst>
            <pc:docMk/>
            <pc:sldMk cId="390031177" sldId="295"/>
            <ac:inkMk id="25" creationId="{CAF2F6B5-E0BC-6DF5-37A4-8566C94917FB}"/>
          </ac:inkMkLst>
        </pc:inkChg>
        <pc:inkChg chg="add">
          <ac:chgData name="Nikolas Vitaliti" userId="8c720cfb-423e-41d2-902f-4cf486698773" providerId="ADAL" clId="{2D67DE44-C58E-4A57-8D0C-F809935F85CE}" dt="2022-12-18T10:51:18.191" v="3342" actId="9405"/>
          <ac:inkMkLst>
            <pc:docMk/>
            <pc:sldMk cId="390031177" sldId="295"/>
            <ac:inkMk id="26" creationId="{8995D1F6-3287-6FA3-F447-C973A1090EB2}"/>
          </ac:inkMkLst>
        </pc:inkChg>
        <pc:inkChg chg="add">
          <ac:chgData name="Nikolas Vitaliti" userId="8c720cfb-423e-41d2-902f-4cf486698773" providerId="ADAL" clId="{2D67DE44-C58E-4A57-8D0C-F809935F85CE}" dt="2022-12-18T10:51:18.521" v="3343" actId="9405"/>
          <ac:inkMkLst>
            <pc:docMk/>
            <pc:sldMk cId="390031177" sldId="295"/>
            <ac:inkMk id="27" creationId="{C86338E9-1F46-09EB-CE68-4159EF350F6B}"/>
          </ac:inkMkLst>
        </pc:inkChg>
        <pc:inkChg chg="add">
          <ac:chgData name="Nikolas Vitaliti" userId="8c720cfb-423e-41d2-902f-4cf486698773" providerId="ADAL" clId="{2D67DE44-C58E-4A57-8D0C-F809935F85CE}" dt="2022-12-18T10:51:20.012" v="3345" actId="9405"/>
          <ac:inkMkLst>
            <pc:docMk/>
            <pc:sldMk cId="390031177" sldId="295"/>
            <ac:inkMk id="29" creationId="{C6FD64D9-75F3-3A44-8193-41F9F3C5B44E}"/>
          </ac:inkMkLst>
        </pc:inkChg>
        <pc:inkChg chg="add">
          <ac:chgData name="Nikolas Vitaliti" userId="8c720cfb-423e-41d2-902f-4cf486698773" providerId="ADAL" clId="{2D67DE44-C58E-4A57-8D0C-F809935F85CE}" dt="2022-12-18T10:51:20.342" v="3346" actId="9405"/>
          <ac:inkMkLst>
            <pc:docMk/>
            <pc:sldMk cId="390031177" sldId="295"/>
            <ac:inkMk id="30" creationId="{582B725C-38DB-5F8D-30D9-00004E6D46CF}"/>
          </ac:inkMkLst>
        </pc:inkChg>
        <pc:inkChg chg="add">
          <ac:chgData name="Nikolas Vitaliti" userId="8c720cfb-423e-41d2-902f-4cf486698773" providerId="ADAL" clId="{2D67DE44-C58E-4A57-8D0C-F809935F85CE}" dt="2022-12-18T10:51:21.252" v="3347" actId="9405"/>
          <ac:inkMkLst>
            <pc:docMk/>
            <pc:sldMk cId="390031177" sldId="295"/>
            <ac:inkMk id="31" creationId="{CC8B9000-3557-A046-0BD8-E11A49F0351C}"/>
          </ac:inkMkLst>
        </pc:inkChg>
        <pc:inkChg chg="add">
          <ac:chgData name="Nikolas Vitaliti" userId="8c720cfb-423e-41d2-902f-4cf486698773" providerId="ADAL" clId="{2D67DE44-C58E-4A57-8D0C-F809935F85CE}" dt="2022-12-18T10:51:21.895" v="3348" actId="9405"/>
          <ac:inkMkLst>
            <pc:docMk/>
            <pc:sldMk cId="390031177" sldId="295"/>
            <ac:inkMk id="32" creationId="{19E5B0C9-9E26-ECAF-804A-9F367B6CACDC}"/>
          </ac:inkMkLst>
        </pc:inkChg>
        <pc:inkChg chg="add">
          <ac:chgData name="Nikolas Vitaliti" userId="8c720cfb-423e-41d2-902f-4cf486698773" providerId="ADAL" clId="{2D67DE44-C58E-4A57-8D0C-F809935F85CE}" dt="2022-12-18T10:51:22.696" v="3349" actId="9405"/>
          <ac:inkMkLst>
            <pc:docMk/>
            <pc:sldMk cId="390031177" sldId="295"/>
            <ac:inkMk id="33" creationId="{0469DC0E-4025-32BA-E104-4527F90AF00F}"/>
          </ac:inkMkLst>
        </pc:inkChg>
        <pc:inkChg chg="add">
          <ac:chgData name="Nikolas Vitaliti" userId="8c720cfb-423e-41d2-902f-4cf486698773" providerId="ADAL" clId="{2D67DE44-C58E-4A57-8D0C-F809935F85CE}" dt="2022-12-18T10:51:24.987" v="3350" actId="9405"/>
          <ac:inkMkLst>
            <pc:docMk/>
            <pc:sldMk cId="390031177" sldId="295"/>
            <ac:inkMk id="34" creationId="{A1D92A9A-3EE2-A275-D748-F5EBF64C728D}"/>
          </ac:inkMkLst>
        </pc:inkChg>
      </pc:sldChg>
      <pc:sldChg chg="addSp delSp modSp new mod">
        <pc:chgData name="Nikolas Vitaliti" userId="8c720cfb-423e-41d2-902f-4cf486698773" providerId="ADAL" clId="{2D67DE44-C58E-4A57-8D0C-F809935F85CE}" dt="2022-12-17T12:22:54.142" v="2119" actId="21"/>
        <pc:sldMkLst>
          <pc:docMk/>
          <pc:sldMk cId="2852552350" sldId="295"/>
        </pc:sldMkLst>
        <pc:spChg chg="add del mod">
          <ac:chgData name="Nikolas Vitaliti" userId="8c720cfb-423e-41d2-902f-4cf486698773" providerId="ADAL" clId="{2D67DE44-C58E-4A57-8D0C-F809935F85CE}" dt="2022-12-17T12:22:54.142" v="2119" actId="21"/>
          <ac:spMkLst>
            <pc:docMk/>
            <pc:sldMk cId="2852552350" sldId="295"/>
            <ac:spMk id="7" creationId="{D8982473-9B8E-CC0A-E696-B85F2262A0E2}"/>
          </ac:spMkLst>
        </pc:spChg>
        <pc:spChg chg="add del mod">
          <ac:chgData name="Nikolas Vitaliti" userId="8c720cfb-423e-41d2-902f-4cf486698773" providerId="ADAL" clId="{2D67DE44-C58E-4A57-8D0C-F809935F85CE}" dt="2022-12-17T12:22:47.165" v="2116" actId="21"/>
          <ac:spMkLst>
            <pc:docMk/>
            <pc:sldMk cId="2852552350" sldId="295"/>
            <ac:spMk id="9" creationId="{541E54A7-8048-92F6-DDFB-D19EE5401028}"/>
          </ac:spMkLst>
        </pc:spChg>
        <pc:spChg chg="add del mod">
          <ac:chgData name="Nikolas Vitaliti" userId="8c720cfb-423e-41d2-902f-4cf486698773" providerId="ADAL" clId="{2D67DE44-C58E-4A57-8D0C-F809935F85CE}" dt="2022-12-17T12:22:52.691" v="2118" actId="21"/>
          <ac:spMkLst>
            <pc:docMk/>
            <pc:sldMk cId="2852552350" sldId="295"/>
            <ac:spMk id="11" creationId="{965DC78E-9B69-608E-9E00-6AE7897E979F}"/>
          </ac:spMkLst>
        </pc:spChg>
        <pc:spChg chg="add mod">
          <ac:chgData name="Nikolas Vitaliti" userId="8c720cfb-423e-41d2-902f-4cf486698773" providerId="ADAL" clId="{2D67DE44-C58E-4A57-8D0C-F809935F85CE}" dt="2022-12-17T12:22:54.142" v="2119" actId="21"/>
          <ac:spMkLst>
            <pc:docMk/>
            <pc:sldMk cId="2852552350" sldId="295"/>
            <ac:spMk id="12" creationId="{68B6CA0A-D884-2804-7E96-96D5D7625BA8}"/>
          </ac:spMkLst>
        </pc:spChg>
        <pc:graphicFrameChg chg="add mod">
          <ac:chgData name="Nikolas Vitaliti" userId="8c720cfb-423e-41d2-902f-4cf486698773" providerId="ADAL" clId="{2D67DE44-C58E-4A57-8D0C-F809935F85CE}" dt="2022-12-17T11:18:31.872" v="2076" actId="1076"/>
          <ac:graphicFrameMkLst>
            <pc:docMk/>
            <pc:sldMk cId="2852552350" sldId="295"/>
            <ac:graphicFrameMk id="5" creationId="{FCC521CD-85A7-DE7C-DF21-D960011CA6FF}"/>
          </ac:graphicFrameMkLst>
        </pc:graphicFrameChg>
        <pc:graphicFrameChg chg="del mod">
          <ac:chgData name="Nikolas Vitaliti" userId="8c720cfb-423e-41d2-902f-4cf486698773" providerId="ADAL" clId="{2D67DE44-C58E-4A57-8D0C-F809935F85CE}" dt="2022-12-17T11:18:27.889" v="2075" actId="478"/>
          <ac:graphicFrameMkLst>
            <pc:docMk/>
            <pc:sldMk cId="2852552350" sldId="295"/>
            <ac:graphicFrameMk id="10" creationId="{7C1EDCD4-0A61-3B16-76BC-D6C3216225FE}"/>
          </ac:graphicFrameMkLst>
        </pc:graphicFrameChg>
        <pc:picChg chg="add mod">
          <ac:chgData name="Nikolas Vitaliti" userId="8c720cfb-423e-41d2-902f-4cf486698773" providerId="ADAL" clId="{2D67DE44-C58E-4A57-8D0C-F809935F85CE}" dt="2022-12-17T11:02:55.446" v="1941" actId="1076"/>
          <ac:picMkLst>
            <pc:docMk/>
            <pc:sldMk cId="2852552350" sldId="295"/>
            <ac:picMk id="6" creationId="{8E6768AE-8894-4956-49B4-2953697639F7}"/>
          </ac:picMkLst>
        </pc:picChg>
        <pc:picChg chg="add del mod">
          <ac:chgData name="Nikolas Vitaliti" userId="8c720cfb-423e-41d2-902f-4cf486698773" providerId="ADAL" clId="{2D67DE44-C58E-4A57-8D0C-F809935F85CE}" dt="2022-12-17T12:22:54.142" v="2119" actId="21"/>
          <ac:picMkLst>
            <pc:docMk/>
            <pc:sldMk cId="2852552350" sldId="295"/>
            <ac:picMk id="19" creationId="{6F601203-9B6A-D01F-0C9B-615639B59B90}"/>
          </ac:picMkLst>
        </pc:picChg>
      </pc:sldChg>
      <pc:sldChg chg="add del">
        <pc:chgData name="Nikolas Vitaliti" userId="8c720cfb-423e-41d2-902f-4cf486698773" providerId="ADAL" clId="{2D67DE44-C58E-4A57-8D0C-F809935F85CE}" dt="2022-12-17T12:22:34.674" v="2113"/>
        <pc:sldMkLst>
          <pc:docMk/>
          <pc:sldMk cId="578828885" sldId="296"/>
        </pc:sldMkLst>
      </pc:sldChg>
      <pc:sldChg chg="addSp delSp modSp mod">
        <pc:chgData name="Nikolas Vitaliti" userId="8c720cfb-423e-41d2-902f-4cf486698773" providerId="ADAL" clId="{2D67DE44-C58E-4A57-8D0C-F809935F85CE}" dt="2022-12-18T11:46:04.602" v="3951" actId="732"/>
        <pc:sldMkLst>
          <pc:docMk/>
          <pc:sldMk cId="962141961" sldId="296"/>
        </pc:sldMkLst>
        <pc:spChg chg="mod">
          <ac:chgData name="Nikolas Vitaliti" userId="8c720cfb-423e-41d2-902f-4cf486698773" providerId="ADAL" clId="{2D67DE44-C58E-4A57-8D0C-F809935F85CE}" dt="2022-12-18T11:45:59.319" v="3950" actId="20577"/>
          <ac:spMkLst>
            <pc:docMk/>
            <pc:sldMk cId="962141961" sldId="296"/>
            <ac:spMk id="3" creationId="{AD2E5F3B-0BFC-C597-4562-06E280C3293E}"/>
          </ac:spMkLst>
        </pc:spChg>
        <pc:spChg chg="del mod">
          <ac:chgData name="Nikolas Vitaliti" userId="8c720cfb-423e-41d2-902f-4cf486698773" providerId="ADAL" clId="{2D67DE44-C58E-4A57-8D0C-F809935F85CE}" dt="2022-12-18T11:27:27.193" v="3473"/>
          <ac:spMkLst>
            <pc:docMk/>
            <pc:sldMk cId="962141961" sldId="296"/>
            <ac:spMk id="9" creationId="{971FF666-07EA-7B67-5B62-73E11E724156}"/>
          </ac:spMkLst>
        </pc:spChg>
        <pc:picChg chg="add del mod">
          <ac:chgData name="Nikolas Vitaliti" userId="8c720cfb-423e-41d2-902f-4cf486698773" providerId="ADAL" clId="{2D67DE44-C58E-4A57-8D0C-F809935F85CE}" dt="2022-12-18T09:57:12.041" v="3083" actId="478"/>
          <ac:picMkLst>
            <pc:docMk/>
            <pc:sldMk cId="962141961" sldId="296"/>
            <ac:picMk id="6" creationId="{6900C98F-1203-2FA3-7AD0-418149C20FE2}"/>
          </ac:picMkLst>
        </pc:picChg>
        <pc:picChg chg="add del mod">
          <ac:chgData name="Nikolas Vitaliti" userId="8c720cfb-423e-41d2-902f-4cf486698773" providerId="ADAL" clId="{2D67DE44-C58E-4A57-8D0C-F809935F85CE}" dt="2022-12-18T11:27:27.193" v="3471" actId="21"/>
          <ac:picMkLst>
            <pc:docMk/>
            <pc:sldMk cId="962141961" sldId="296"/>
            <ac:picMk id="8" creationId="{4D1CA83E-1502-E607-2DF7-038FFC7740BA}"/>
          </ac:picMkLst>
        </pc:picChg>
        <pc:picChg chg="add del">
          <ac:chgData name="Nikolas Vitaliti" userId="8c720cfb-423e-41d2-902f-4cf486698773" providerId="ADAL" clId="{2D67DE44-C58E-4A57-8D0C-F809935F85CE}" dt="2022-12-18T10:05:30.081" v="3117" actId="21"/>
          <ac:picMkLst>
            <pc:docMk/>
            <pc:sldMk cId="962141961" sldId="296"/>
            <ac:picMk id="11" creationId="{E68A5097-485A-53AB-5662-D81C1871D606}"/>
          </ac:picMkLst>
        </pc:picChg>
        <pc:picChg chg="add mod">
          <ac:chgData name="Nikolas Vitaliti" userId="8c720cfb-423e-41d2-902f-4cf486698773" providerId="ADAL" clId="{2D67DE44-C58E-4A57-8D0C-F809935F85CE}" dt="2022-12-18T11:31:41.321" v="3609" actId="1076"/>
          <ac:picMkLst>
            <pc:docMk/>
            <pc:sldMk cId="962141961" sldId="296"/>
            <ac:picMk id="12" creationId="{A8505EC3-4816-61B1-5DEF-4935571FFF2A}"/>
          </ac:picMkLst>
        </pc:picChg>
        <pc:picChg chg="add del mod modCrop">
          <ac:chgData name="Nikolas Vitaliti" userId="8c720cfb-423e-41d2-902f-4cf486698773" providerId="ADAL" clId="{2D67DE44-C58E-4A57-8D0C-F809935F85CE}" dt="2022-12-18T11:46:04.602" v="3951" actId="732"/>
          <ac:picMkLst>
            <pc:docMk/>
            <pc:sldMk cId="962141961" sldId="296"/>
            <ac:picMk id="13" creationId="{894506B5-404D-25EA-26AB-2C2C2F8D0693}"/>
          </ac:picMkLst>
        </pc:picChg>
        <pc:picChg chg="add mod">
          <ac:chgData name="Nikolas Vitaliti" userId="8c720cfb-423e-41d2-902f-4cf486698773" providerId="ADAL" clId="{2D67DE44-C58E-4A57-8D0C-F809935F85CE}" dt="2022-12-18T11:27:34.979" v="3478" actId="1076"/>
          <ac:picMkLst>
            <pc:docMk/>
            <pc:sldMk cId="962141961" sldId="296"/>
            <ac:picMk id="14" creationId="{D89F83A7-C632-29B2-79D5-89CB956D5703}"/>
          </ac:picMkLst>
        </pc:picChg>
        <pc:picChg chg="add del">
          <ac:chgData name="Nikolas Vitaliti" userId="8c720cfb-423e-41d2-902f-4cf486698773" providerId="ADAL" clId="{2D67DE44-C58E-4A57-8D0C-F809935F85CE}" dt="2022-12-18T10:05:30.081" v="3117" actId="21"/>
          <ac:picMkLst>
            <pc:docMk/>
            <pc:sldMk cId="962141961" sldId="296"/>
            <ac:picMk id="15" creationId="{B32450C9-4FFF-A5B0-3B28-A955AF35BE17}"/>
          </ac:picMkLst>
        </pc:picChg>
        <pc:picChg chg="add del">
          <ac:chgData name="Nikolas Vitaliti" userId="8c720cfb-423e-41d2-902f-4cf486698773" providerId="ADAL" clId="{2D67DE44-C58E-4A57-8D0C-F809935F85CE}" dt="2022-12-18T10:05:30.081" v="3117" actId="21"/>
          <ac:picMkLst>
            <pc:docMk/>
            <pc:sldMk cId="962141961" sldId="296"/>
            <ac:picMk id="17" creationId="{EEEBFCFC-66EB-D9AF-66C5-92907FEFB282}"/>
          </ac:picMkLst>
        </pc:picChg>
        <pc:picChg chg="del">
          <ac:chgData name="Nikolas Vitaliti" userId="8c720cfb-423e-41d2-902f-4cf486698773" providerId="ADAL" clId="{2D67DE44-C58E-4A57-8D0C-F809935F85CE}" dt="2022-12-18T10:05:30.081" v="3117" actId="21"/>
          <ac:picMkLst>
            <pc:docMk/>
            <pc:sldMk cId="962141961" sldId="296"/>
            <ac:picMk id="19" creationId="{88EB2F34-8227-F11C-7ACA-ADDA1A040D39}"/>
          </ac:picMkLst>
        </pc:picChg>
        <pc:picChg chg="del">
          <ac:chgData name="Nikolas Vitaliti" userId="8c720cfb-423e-41d2-902f-4cf486698773" providerId="ADAL" clId="{2D67DE44-C58E-4A57-8D0C-F809935F85CE}" dt="2022-12-18T10:05:30.081" v="3117" actId="21"/>
          <ac:picMkLst>
            <pc:docMk/>
            <pc:sldMk cId="962141961" sldId="296"/>
            <ac:picMk id="21" creationId="{DE1D32AF-E36A-8BF7-5B71-CA0BDF1C6DEA}"/>
          </ac:picMkLst>
        </pc:picChg>
      </pc:sldChg>
      <pc:sldChg chg="add del">
        <pc:chgData name="Nikolas Vitaliti" userId="8c720cfb-423e-41d2-902f-4cf486698773" providerId="ADAL" clId="{2D67DE44-C58E-4A57-8D0C-F809935F85CE}" dt="2022-12-17T12:22:46.615" v="2115"/>
        <pc:sldMkLst>
          <pc:docMk/>
          <pc:sldMk cId="2917593236" sldId="296"/>
        </pc:sldMkLst>
      </pc:sldChg>
      <pc:sldChg chg="del">
        <pc:chgData name="Nikolas Vitaliti" userId="8c720cfb-423e-41d2-902f-4cf486698773" providerId="ADAL" clId="{2D67DE44-C58E-4A57-8D0C-F809935F85CE}" dt="2022-12-18T11:56:59.698" v="4123" actId="47"/>
        <pc:sldMkLst>
          <pc:docMk/>
          <pc:sldMk cId="1042294322" sldId="297"/>
        </pc:sldMkLst>
      </pc:sldChg>
      <pc:sldChg chg="addSp modSp mod">
        <pc:chgData name="Nikolas Vitaliti" userId="8c720cfb-423e-41d2-902f-4cf486698773" providerId="ADAL" clId="{2D67DE44-C58E-4A57-8D0C-F809935F85CE}" dt="2022-12-18T11:29:16.245" v="3485" actId="1076"/>
        <pc:sldMkLst>
          <pc:docMk/>
          <pc:sldMk cId="2580249579" sldId="298"/>
        </pc:sldMkLst>
        <pc:picChg chg="add mod">
          <ac:chgData name="Nikolas Vitaliti" userId="8c720cfb-423e-41d2-902f-4cf486698773" providerId="ADAL" clId="{2D67DE44-C58E-4A57-8D0C-F809935F85CE}" dt="2022-12-18T11:29:16.245" v="3485" actId="1076"/>
          <ac:picMkLst>
            <pc:docMk/>
            <pc:sldMk cId="2580249579" sldId="298"/>
            <ac:picMk id="5" creationId="{34702693-00D0-2394-0A75-5E9B24D57DAE}"/>
          </ac:picMkLst>
        </pc:picChg>
      </pc:sldChg>
      <pc:sldChg chg="addSp delSp modSp del mod">
        <pc:chgData name="Nikolas Vitaliti" userId="8c720cfb-423e-41d2-902f-4cf486698773" providerId="ADAL" clId="{2D67DE44-C58E-4A57-8D0C-F809935F85CE}" dt="2022-12-18T11:56:54.379" v="4122" actId="47"/>
        <pc:sldMkLst>
          <pc:docMk/>
          <pc:sldMk cId="2165565563" sldId="299"/>
        </pc:sldMkLst>
        <pc:spChg chg="del">
          <ac:chgData name="Nikolas Vitaliti" userId="8c720cfb-423e-41d2-902f-4cf486698773" providerId="ADAL" clId="{2D67DE44-C58E-4A57-8D0C-F809935F85CE}" dt="2022-12-18T11:55:56.548" v="4105" actId="478"/>
          <ac:spMkLst>
            <pc:docMk/>
            <pc:sldMk cId="2165565563" sldId="299"/>
            <ac:spMk id="7" creationId="{73276299-C597-42C3-BB02-93935D7D068C}"/>
          </ac:spMkLst>
        </pc:spChg>
        <pc:picChg chg="add mod">
          <ac:chgData name="Nikolas Vitaliti" userId="8c720cfb-423e-41d2-902f-4cf486698773" providerId="ADAL" clId="{2D67DE44-C58E-4A57-8D0C-F809935F85CE}" dt="2022-12-18T11:30:21.539" v="3487" actId="1076"/>
          <ac:picMkLst>
            <pc:docMk/>
            <pc:sldMk cId="2165565563" sldId="299"/>
            <ac:picMk id="6" creationId="{F814250B-CBFA-BB9B-1B46-BB55B253D154}"/>
          </ac:picMkLst>
        </pc:picChg>
        <pc:picChg chg="del mod">
          <ac:chgData name="Nikolas Vitaliti" userId="8c720cfb-423e-41d2-902f-4cf486698773" providerId="ADAL" clId="{2D67DE44-C58E-4A57-8D0C-F809935F85CE}" dt="2022-12-18T11:30:26.494" v="3489" actId="478"/>
          <ac:picMkLst>
            <pc:docMk/>
            <pc:sldMk cId="2165565563" sldId="299"/>
            <ac:picMk id="33" creationId="{59FC1A32-1CB7-735F-BEEC-D0FB50B7B243}"/>
          </ac:picMkLst>
        </pc:picChg>
      </pc:sldChg>
      <pc:sldChg chg="add del">
        <pc:chgData name="Nikolas Vitaliti" userId="8c720cfb-423e-41d2-902f-4cf486698773" providerId="ADAL" clId="{2D67DE44-C58E-4A57-8D0C-F809935F85CE}" dt="2022-12-18T11:41:32.090" v="3878"/>
        <pc:sldMkLst>
          <pc:docMk/>
          <pc:sldMk cId="539604555" sldId="300"/>
        </pc:sldMkLst>
      </pc:sldChg>
      <pc:sldChg chg="addSp delSp modSp new mod">
        <pc:chgData name="Nikolas Vitaliti" userId="8c720cfb-423e-41d2-902f-4cf486698773" providerId="ADAL" clId="{2D67DE44-C58E-4A57-8D0C-F809935F85CE}" dt="2022-12-18T11:56:21.219" v="4121" actId="478"/>
        <pc:sldMkLst>
          <pc:docMk/>
          <pc:sldMk cId="2314334276" sldId="300"/>
        </pc:sldMkLst>
        <pc:spChg chg="del">
          <ac:chgData name="Nikolas Vitaliti" userId="8c720cfb-423e-41d2-902f-4cf486698773" providerId="ADAL" clId="{2D67DE44-C58E-4A57-8D0C-F809935F85CE}" dt="2022-12-18T11:47:06.549" v="3955" actId="26606"/>
          <ac:spMkLst>
            <pc:docMk/>
            <pc:sldMk cId="2314334276" sldId="300"/>
            <ac:spMk id="2" creationId="{5719FEB5-131F-892D-660E-F99E132DC671}"/>
          </ac:spMkLst>
        </pc:spChg>
        <pc:spChg chg="del">
          <ac:chgData name="Nikolas Vitaliti" userId="8c720cfb-423e-41d2-902f-4cf486698773" providerId="ADAL" clId="{2D67DE44-C58E-4A57-8D0C-F809935F85CE}" dt="2022-12-18T11:47:06.549" v="3955" actId="26606"/>
          <ac:spMkLst>
            <pc:docMk/>
            <pc:sldMk cId="2314334276" sldId="300"/>
            <ac:spMk id="3" creationId="{C8829238-E1E5-2609-E391-06180B455A36}"/>
          </ac:spMkLst>
        </pc:spChg>
        <pc:spChg chg="mod ord">
          <ac:chgData name="Nikolas Vitaliti" userId="8c720cfb-423e-41d2-902f-4cf486698773" providerId="ADAL" clId="{2D67DE44-C58E-4A57-8D0C-F809935F85CE}" dt="2022-12-18T11:47:06.549" v="3955" actId="26606"/>
          <ac:spMkLst>
            <pc:docMk/>
            <pc:sldMk cId="2314334276" sldId="300"/>
            <ac:spMk id="4" creationId="{EA143805-CFC7-F0B9-8469-3260B18EDD58}"/>
          </ac:spMkLst>
        </pc:spChg>
        <pc:spChg chg="add del mod">
          <ac:chgData name="Nikolas Vitaliti" userId="8c720cfb-423e-41d2-902f-4cf486698773" providerId="ADAL" clId="{2D67DE44-C58E-4A57-8D0C-F809935F85CE}" dt="2022-12-18T11:54:55.385" v="4094"/>
          <ac:spMkLst>
            <pc:docMk/>
            <pc:sldMk cId="2314334276" sldId="300"/>
            <ac:spMk id="6" creationId="{E200AC40-CE81-D7C9-81F3-70BA6C68E3CB}"/>
          </ac:spMkLst>
        </pc:spChg>
        <pc:spChg chg="add del mod">
          <ac:chgData name="Nikolas Vitaliti" userId="8c720cfb-423e-41d2-902f-4cf486698773" providerId="ADAL" clId="{2D67DE44-C58E-4A57-8D0C-F809935F85CE}" dt="2022-12-18T11:56:00.847" v="4107"/>
          <ac:spMkLst>
            <pc:docMk/>
            <pc:sldMk cId="2314334276" sldId="300"/>
            <ac:spMk id="9" creationId="{16911A28-43F0-C0ED-3474-4BF5F876B05F}"/>
          </ac:spMkLst>
        </pc:spChg>
        <pc:spChg chg="add del mod">
          <ac:chgData name="Nikolas Vitaliti" userId="8c720cfb-423e-41d2-902f-4cf486698773" providerId="ADAL" clId="{2D67DE44-C58E-4A57-8D0C-F809935F85CE}" dt="2022-12-18T11:56:21.219" v="4121" actId="478"/>
          <ac:spMkLst>
            <pc:docMk/>
            <pc:sldMk cId="2314334276" sldId="300"/>
            <ac:spMk id="10" creationId="{96C96CE2-A846-7174-13BA-EE9BF30679B7}"/>
          </ac:spMkLst>
        </pc:spChg>
        <pc:spChg chg="add mod">
          <ac:chgData name="Nikolas Vitaliti" userId="8c720cfb-423e-41d2-902f-4cf486698773" providerId="ADAL" clId="{2D67DE44-C58E-4A57-8D0C-F809935F85CE}" dt="2022-12-18T11:56:20.215" v="4120" actId="1076"/>
          <ac:spMkLst>
            <pc:docMk/>
            <pc:sldMk cId="2314334276" sldId="300"/>
            <ac:spMk id="11" creationId="{FBB70259-64E8-7750-72A3-DBFDC4D08F7B}"/>
          </ac:spMkLst>
        </pc:spChg>
        <pc:spChg chg="add mod">
          <ac:chgData name="Nikolas Vitaliti" userId="8c720cfb-423e-41d2-902f-4cf486698773" providerId="ADAL" clId="{2D67DE44-C58E-4A57-8D0C-F809935F85CE}" dt="2022-12-18T11:56:20.215" v="4120" actId="1076"/>
          <ac:spMkLst>
            <pc:docMk/>
            <pc:sldMk cId="2314334276" sldId="300"/>
            <ac:spMk id="12" creationId="{F173A52A-A51A-842B-814D-75821AF0595F}"/>
          </ac:spMkLst>
        </pc:spChg>
        <pc:picChg chg="add mod">
          <ac:chgData name="Nikolas Vitaliti" userId="8c720cfb-423e-41d2-902f-4cf486698773" providerId="ADAL" clId="{2D67DE44-C58E-4A57-8D0C-F809935F85CE}" dt="2022-12-18T11:55:39.174" v="4101" actId="1076"/>
          <ac:picMkLst>
            <pc:docMk/>
            <pc:sldMk cId="2314334276" sldId="300"/>
            <ac:picMk id="5" creationId="{906CA11C-6C6E-2C07-0363-95E4777A46B7}"/>
          </ac:picMkLst>
        </pc:picChg>
        <pc:picChg chg="add mod">
          <ac:chgData name="Nikolas Vitaliti" userId="8c720cfb-423e-41d2-902f-4cf486698773" providerId="ADAL" clId="{2D67DE44-C58E-4A57-8D0C-F809935F85CE}" dt="2022-12-18T11:55:44.134" v="4104" actId="1076"/>
          <ac:picMkLst>
            <pc:docMk/>
            <pc:sldMk cId="2314334276" sldId="300"/>
            <ac:picMk id="8" creationId="{C3B1B6B7-735B-4AD6-D6A7-E407531CFC30}"/>
          </ac:picMkLst>
        </pc:picChg>
      </pc:sldChg>
    </pc:docChg>
  </pc:docChgLst>
  <pc:docChgLst>
    <pc:chgData name="Emelie Westall Lundqvist" userId="S::s221956@dtu.dk::3a6c0c6b-4056-4919-93f8-4a249b28df98" providerId="AD" clId="Web-{CC9C52BF-6D22-483D-98AB-4B10F3B19ACC}"/>
    <pc:docChg chg="modSld">
      <pc:chgData name="Emelie Westall Lundqvist" userId="S::s221956@dtu.dk::3a6c0c6b-4056-4919-93f8-4a249b28df98" providerId="AD" clId="Web-{CC9C52BF-6D22-483D-98AB-4B10F3B19ACC}" dt="2022-12-18T08:41:11.537" v="9" actId="20577"/>
      <pc:docMkLst>
        <pc:docMk/>
      </pc:docMkLst>
      <pc:sldChg chg="modSp">
        <pc:chgData name="Emelie Westall Lundqvist" userId="S::s221956@dtu.dk::3a6c0c6b-4056-4919-93f8-4a249b28df98" providerId="AD" clId="Web-{CC9C52BF-6D22-483D-98AB-4B10F3B19ACC}" dt="2022-12-18T08:41:11.537" v="9" actId="20577"/>
        <pc:sldMkLst>
          <pc:docMk/>
          <pc:sldMk cId="962141961" sldId="296"/>
        </pc:sldMkLst>
        <pc:spChg chg="mod">
          <ac:chgData name="Emelie Westall Lundqvist" userId="S::s221956@dtu.dk::3a6c0c6b-4056-4919-93f8-4a249b28df98" providerId="AD" clId="Web-{CC9C52BF-6D22-483D-98AB-4B10F3B19ACC}" dt="2022-12-18T08:41:11.537" v="9" actId="20577"/>
          <ac:spMkLst>
            <pc:docMk/>
            <pc:sldMk cId="962141961" sldId="296"/>
            <ac:spMk id="3" creationId="{AD2E5F3B-0BFC-C597-4562-06E280C3293E}"/>
          </ac:spMkLst>
        </pc:spChg>
      </pc:sldChg>
    </pc:docChg>
  </pc:docChgLst>
  <pc:docChgLst>
    <pc:chgData name="Emelie Westall Lundqvist" userId="S::s221956@dtu.dk::3a6c0c6b-4056-4919-93f8-4a249b28df98" providerId="AD" clId="Web-{4E6C6B33-549A-4423-B2BA-81C64DE75CAD}"/>
    <pc:docChg chg="modSld">
      <pc:chgData name="Emelie Westall Lundqvist" userId="S::s221956@dtu.dk::3a6c0c6b-4056-4919-93f8-4a249b28df98" providerId="AD" clId="Web-{4E6C6B33-549A-4423-B2BA-81C64DE75CAD}" dt="2022-12-18T10:24:08.168" v="35" actId="1076"/>
      <pc:docMkLst>
        <pc:docMk/>
      </pc:docMkLst>
      <pc:sldChg chg="addSp delSp modSp">
        <pc:chgData name="Emelie Westall Lundqvist" userId="S::s221956@dtu.dk::3a6c0c6b-4056-4919-93f8-4a249b28df98" providerId="AD" clId="Web-{4E6C6B33-549A-4423-B2BA-81C64DE75CAD}" dt="2022-12-18T10:24:08.168" v="35" actId="1076"/>
        <pc:sldMkLst>
          <pc:docMk/>
          <pc:sldMk cId="2705051400" sldId="288"/>
        </pc:sldMkLst>
        <pc:picChg chg="del">
          <ac:chgData name="Emelie Westall Lundqvist" userId="S::s221956@dtu.dk::3a6c0c6b-4056-4919-93f8-4a249b28df98" providerId="AD" clId="Web-{4E6C6B33-549A-4423-B2BA-81C64DE75CAD}" dt="2022-12-18T10:23:54.246" v="30"/>
          <ac:picMkLst>
            <pc:docMk/>
            <pc:sldMk cId="2705051400" sldId="288"/>
            <ac:picMk id="13" creationId="{3D38CB7F-1192-9E79-13CA-4FE03623499E}"/>
          </ac:picMkLst>
        </pc:picChg>
        <pc:picChg chg="add mod">
          <ac:chgData name="Emelie Westall Lundqvist" userId="S::s221956@dtu.dk::3a6c0c6b-4056-4919-93f8-4a249b28df98" providerId="AD" clId="Web-{4E6C6B33-549A-4423-B2BA-81C64DE75CAD}" dt="2022-12-18T10:24:08.168" v="35" actId="1076"/>
          <ac:picMkLst>
            <pc:docMk/>
            <pc:sldMk cId="2705051400" sldId="288"/>
            <ac:picMk id="35" creationId="{E3834341-30F7-7072-0773-2F416E219FC5}"/>
          </ac:picMkLst>
        </pc:picChg>
      </pc:sldChg>
      <pc:sldChg chg="modSp">
        <pc:chgData name="Emelie Westall Lundqvist" userId="S::s221956@dtu.dk::3a6c0c6b-4056-4919-93f8-4a249b28df98" providerId="AD" clId="Web-{4E6C6B33-549A-4423-B2BA-81C64DE75CAD}" dt="2022-12-18T10:23:00.090" v="29" actId="1076"/>
        <pc:sldMkLst>
          <pc:docMk/>
          <pc:sldMk cId="962141961" sldId="296"/>
        </pc:sldMkLst>
        <pc:spChg chg="mod">
          <ac:chgData name="Emelie Westall Lundqvist" userId="S::s221956@dtu.dk::3a6c0c6b-4056-4919-93f8-4a249b28df98" providerId="AD" clId="Web-{4E6C6B33-549A-4423-B2BA-81C64DE75CAD}" dt="2022-12-18T10:22:55.277" v="28" actId="1076"/>
          <ac:spMkLst>
            <pc:docMk/>
            <pc:sldMk cId="962141961" sldId="296"/>
            <ac:spMk id="9" creationId="{971FF666-07EA-7B67-5B62-73E11E724156}"/>
          </ac:spMkLst>
        </pc:spChg>
        <pc:picChg chg="mod">
          <ac:chgData name="Emelie Westall Lundqvist" userId="S::s221956@dtu.dk::3a6c0c6b-4056-4919-93f8-4a249b28df98" providerId="AD" clId="Web-{4E6C6B33-549A-4423-B2BA-81C64DE75CAD}" dt="2022-12-18T10:23:00.090" v="29" actId="1076"/>
          <ac:picMkLst>
            <pc:docMk/>
            <pc:sldMk cId="962141961" sldId="296"/>
            <ac:picMk id="13" creationId="{894506B5-404D-25EA-26AB-2C2C2F8D0693}"/>
          </ac:picMkLst>
        </pc:picChg>
      </pc:sldChg>
    </pc:docChg>
  </pc:docChgLst>
  <pc:docChgLst>
    <pc:chgData name="Emelie Westall Lundqvist" userId="S::s221956@dtu.dk::3a6c0c6b-4056-4919-93f8-4a249b28df98" providerId="AD" clId="Web-{49082908-5E66-4BF8-B629-D45FFA8F9CC2}"/>
    <pc:docChg chg="modSld">
      <pc:chgData name="Emelie Westall Lundqvist" userId="S::s221956@dtu.dk::3a6c0c6b-4056-4919-93f8-4a249b28df98" providerId="AD" clId="Web-{49082908-5E66-4BF8-B629-D45FFA8F9CC2}" dt="2022-12-17T17:31:52.647" v="143"/>
      <pc:docMkLst>
        <pc:docMk/>
      </pc:docMkLst>
      <pc:sldChg chg="modSp">
        <pc:chgData name="Emelie Westall Lundqvist" userId="S::s221956@dtu.dk::3a6c0c6b-4056-4919-93f8-4a249b28df98" providerId="AD" clId="Web-{49082908-5E66-4BF8-B629-D45FFA8F9CC2}" dt="2022-12-17T17:25:16.972" v="46" actId="1076"/>
        <pc:sldMkLst>
          <pc:docMk/>
          <pc:sldMk cId="2705051400" sldId="288"/>
        </pc:sldMkLst>
        <pc:spChg chg="mod">
          <ac:chgData name="Emelie Westall Lundqvist" userId="S::s221956@dtu.dk::3a6c0c6b-4056-4919-93f8-4a249b28df98" providerId="AD" clId="Web-{49082908-5E66-4BF8-B629-D45FFA8F9CC2}" dt="2022-12-17T17:25:16.972" v="46" actId="1076"/>
          <ac:spMkLst>
            <pc:docMk/>
            <pc:sldMk cId="2705051400" sldId="288"/>
            <ac:spMk id="6" creationId="{BB245E9D-C69C-8F9D-237A-F9B300ECB598}"/>
          </ac:spMkLst>
        </pc:spChg>
        <pc:spChg chg="mod">
          <ac:chgData name="Emelie Westall Lundqvist" userId="S::s221956@dtu.dk::3a6c0c6b-4056-4919-93f8-4a249b28df98" providerId="AD" clId="Web-{49082908-5E66-4BF8-B629-D45FFA8F9CC2}" dt="2022-12-17T17:23:36.706" v="39" actId="1076"/>
          <ac:spMkLst>
            <pc:docMk/>
            <pc:sldMk cId="2705051400" sldId="288"/>
            <ac:spMk id="9" creationId="{40EDAFF2-3077-7B6C-D278-92A7793B7068}"/>
          </ac:spMkLst>
        </pc:spChg>
        <pc:picChg chg="mod">
          <ac:chgData name="Emelie Westall Lundqvist" userId="S::s221956@dtu.dk::3a6c0c6b-4056-4919-93f8-4a249b28df98" providerId="AD" clId="Web-{49082908-5E66-4BF8-B629-D45FFA8F9CC2}" dt="2022-12-17T17:25:08.394" v="44" actId="14100"/>
          <ac:picMkLst>
            <pc:docMk/>
            <pc:sldMk cId="2705051400" sldId="288"/>
            <ac:picMk id="10" creationId="{44159D19-C970-3C6D-2310-92F903619371}"/>
          </ac:picMkLst>
        </pc:picChg>
        <pc:inkChg chg="mod">
          <ac:chgData name="Emelie Westall Lundqvist" userId="S::s221956@dtu.dk::3a6c0c6b-4056-4919-93f8-4a249b28df98" providerId="AD" clId="Web-{49082908-5E66-4BF8-B629-D45FFA8F9CC2}" dt="2022-12-17T17:25:13.472" v="45" actId="1076"/>
          <ac:inkMkLst>
            <pc:docMk/>
            <pc:sldMk cId="2705051400" sldId="288"/>
            <ac:inkMk id="110" creationId="{DD061307-26B5-FF1E-C87A-72C41A66B704}"/>
          </ac:inkMkLst>
        </pc:inkChg>
      </pc:sldChg>
      <pc:sldChg chg="delSp modSp">
        <pc:chgData name="Emelie Westall Lundqvist" userId="S::s221956@dtu.dk::3a6c0c6b-4056-4919-93f8-4a249b28df98" providerId="AD" clId="Web-{49082908-5E66-4BF8-B629-D45FFA8F9CC2}" dt="2022-12-17T17:25:39.597" v="51" actId="1076"/>
        <pc:sldMkLst>
          <pc:docMk/>
          <pc:sldMk cId="369920992" sldId="289"/>
        </pc:sldMkLst>
        <pc:spChg chg="mod">
          <ac:chgData name="Emelie Westall Lundqvist" userId="S::s221956@dtu.dk::3a6c0c6b-4056-4919-93f8-4a249b28df98" providerId="AD" clId="Web-{49082908-5E66-4BF8-B629-D45FFA8F9CC2}" dt="2022-12-17T17:25:39.597" v="51" actId="1076"/>
          <ac:spMkLst>
            <pc:docMk/>
            <pc:sldMk cId="369920992" sldId="289"/>
            <ac:spMk id="26" creationId="{F64038CB-BC23-C4F3-2CAE-A878D2B7D7B1}"/>
          </ac:spMkLst>
        </pc:spChg>
        <pc:spChg chg="del">
          <ac:chgData name="Emelie Westall Lundqvist" userId="S::s221956@dtu.dk::3a6c0c6b-4056-4919-93f8-4a249b28df98" providerId="AD" clId="Web-{49082908-5E66-4BF8-B629-D45FFA8F9CC2}" dt="2022-12-17T17:25:35.847" v="50"/>
          <ac:spMkLst>
            <pc:docMk/>
            <pc:sldMk cId="369920992" sldId="289"/>
            <ac:spMk id="155" creationId="{559730D3-B7B1-C01A-59FB-7FF9DF8D21C8}"/>
          </ac:spMkLst>
        </pc:spChg>
        <pc:picChg chg="mod">
          <ac:chgData name="Emelie Westall Lundqvist" userId="S::s221956@dtu.dk::3a6c0c6b-4056-4919-93f8-4a249b28df98" providerId="AD" clId="Web-{49082908-5E66-4BF8-B629-D45FFA8F9CC2}" dt="2022-12-17T17:25:24.222" v="47" actId="14100"/>
          <ac:picMkLst>
            <pc:docMk/>
            <pc:sldMk cId="369920992" sldId="289"/>
            <ac:picMk id="25" creationId="{92EF418C-F6F2-576D-EBA1-733B03DAF638}"/>
          </ac:picMkLst>
        </pc:picChg>
        <pc:inkChg chg="mod">
          <ac:chgData name="Emelie Westall Lundqvist" userId="S::s221956@dtu.dk::3a6c0c6b-4056-4919-93f8-4a249b28df98" providerId="AD" clId="Web-{49082908-5E66-4BF8-B629-D45FFA8F9CC2}" dt="2022-12-17T17:25:34.394" v="49" actId="1076"/>
          <ac:inkMkLst>
            <pc:docMk/>
            <pc:sldMk cId="369920992" sldId="289"/>
            <ac:inkMk id="182" creationId="{84DF654D-797F-15A4-32E1-0A327C6D3E0E}"/>
          </ac:inkMkLst>
        </pc:inkChg>
      </pc:sldChg>
      <pc:sldChg chg="addSp delSp modSp">
        <pc:chgData name="Emelie Westall Lundqvist" userId="S::s221956@dtu.dk::3a6c0c6b-4056-4919-93f8-4a249b28df98" providerId="AD" clId="Web-{49082908-5E66-4BF8-B629-D45FFA8F9CC2}" dt="2022-12-17T17:26:48.442" v="65" actId="1076"/>
        <pc:sldMkLst>
          <pc:docMk/>
          <pc:sldMk cId="1745362683" sldId="292"/>
        </pc:sldMkLst>
        <pc:spChg chg="mod ord">
          <ac:chgData name="Emelie Westall Lundqvist" userId="S::s221956@dtu.dk::3a6c0c6b-4056-4919-93f8-4a249b28df98" providerId="AD" clId="Web-{49082908-5E66-4BF8-B629-D45FFA8F9CC2}" dt="2022-12-17T17:26:48.442" v="65" actId="1076"/>
          <ac:spMkLst>
            <pc:docMk/>
            <pc:sldMk cId="1745362683" sldId="292"/>
            <ac:spMk id="74" creationId="{D6FAEEE8-27C6-EA20-4FE7-6DC6E7275220}"/>
          </ac:spMkLst>
        </pc:spChg>
        <pc:picChg chg="mod">
          <ac:chgData name="Emelie Westall Lundqvist" userId="S::s221956@dtu.dk::3a6c0c6b-4056-4919-93f8-4a249b28df98" providerId="AD" clId="Web-{49082908-5E66-4BF8-B629-D45FFA8F9CC2}" dt="2022-12-17T17:25:48.769" v="52" actId="14100"/>
          <ac:picMkLst>
            <pc:docMk/>
            <pc:sldMk cId="1745362683" sldId="292"/>
            <ac:picMk id="29" creationId="{EEAC7B23-3147-F6AF-CD1F-863791C2F403}"/>
          </ac:picMkLst>
        </pc:picChg>
        <pc:inkChg chg="add">
          <ac:chgData name="Emelie Westall Lundqvist" userId="S::s221956@dtu.dk::3a6c0c6b-4056-4919-93f8-4a249b28df98" providerId="AD" clId="Web-{49082908-5E66-4BF8-B629-D45FFA8F9CC2}" dt="2022-12-17T17:26:28.176" v="61"/>
          <ac:inkMkLst>
            <pc:docMk/>
            <pc:sldMk cId="1745362683" sldId="292"/>
            <ac:inkMk id="9" creationId="{7F7D9F6D-97C8-C149-D4CF-F2EB9323584C}"/>
          </ac:inkMkLst>
        </pc:inkChg>
        <pc:inkChg chg="add">
          <ac:chgData name="Emelie Westall Lundqvist" userId="S::s221956@dtu.dk::3a6c0c6b-4056-4919-93f8-4a249b28df98" providerId="AD" clId="Web-{49082908-5E66-4BF8-B629-D45FFA8F9CC2}" dt="2022-12-17T17:26:37.379" v="62"/>
          <ac:inkMkLst>
            <pc:docMk/>
            <pc:sldMk cId="1745362683" sldId="292"/>
            <ac:inkMk id="12" creationId="{66F76844-B027-1604-C269-CF7EFAE3FB79}"/>
          </ac:inkMkLst>
        </pc:inkChg>
        <pc:inkChg chg="del mod">
          <ac:chgData name="Emelie Westall Lundqvist" userId="S::s221956@dtu.dk::3a6c0c6b-4056-4919-93f8-4a249b28df98" providerId="AD" clId="Web-{49082908-5E66-4BF8-B629-D45FFA8F9CC2}" dt="2022-12-17T17:26:19.582" v="60"/>
          <ac:inkMkLst>
            <pc:docMk/>
            <pc:sldMk cId="1745362683" sldId="292"/>
            <ac:inkMk id="30" creationId="{B6BF62E2-63A3-ADF5-DC24-AB7CB2AB1F74}"/>
          </ac:inkMkLst>
        </pc:inkChg>
      </pc:sldChg>
      <pc:sldChg chg="delSp modNotes">
        <pc:chgData name="Emelie Westall Lundqvist" userId="S::s221956@dtu.dk::3a6c0c6b-4056-4919-93f8-4a249b28df98" providerId="AD" clId="Web-{49082908-5E66-4BF8-B629-D45FFA8F9CC2}" dt="2022-12-17T17:31:52.647" v="143"/>
        <pc:sldMkLst>
          <pc:docMk/>
          <pc:sldMk cId="390031177" sldId="295"/>
        </pc:sldMkLst>
        <pc:spChg chg="del">
          <ac:chgData name="Emelie Westall Lundqvist" userId="S::s221956@dtu.dk::3a6c0c6b-4056-4919-93f8-4a249b28df98" providerId="AD" clId="Web-{49082908-5E66-4BF8-B629-D45FFA8F9CC2}" dt="2022-12-17T17:26:58.067" v="66"/>
          <ac:spMkLst>
            <pc:docMk/>
            <pc:sldMk cId="390031177" sldId="295"/>
            <ac:spMk id="7" creationId="{73276299-C597-42C3-BB02-93935D7D068C}"/>
          </ac:spMkLst>
        </pc:spChg>
      </pc:sldChg>
    </pc:docChg>
  </pc:docChgLst>
  <pc:docChgLst>
    <pc:chgData name="Emelie Westall Lundqvist" userId="S::s221956@dtu.dk::3a6c0c6b-4056-4919-93f8-4a249b28df98" providerId="AD" clId="Web-{41B1FB42-3BE1-4CFA-81E7-2D131287D342}"/>
    <pc:docChg chg="modSld">
      <pc:chgData name="Emelie Westall Lundqvist" userId="S::s221956@dtu.dk::3a6c0c6b-4056-4919-93f8-4a249b28df98" providerId="AD" clId="Web-{41B1FB42-3BE1-4CFA-81E7-2D131287D342}" dt="2022-12-18T14:13:51.622" v="131" actId="20577"/>
      <pc:docMkLst>
        <pc:docMk/>
      </pc:docMkLst>
      <pc:sldChg chg="modSp">
        <pc:chgData name="Emelie Westall Lundqvist" userId="S::s221956@dtu.dk::3a6c0c6b-4056-4919-93f8-4a249b28df98" providerId="AD" clId="Web-{41B1FB42-3BE1-4CFA-81E7-2D131287D342}" dt="2022-12-18T14:07:04.056" v="94" actId="14100"/>
        <pc:sldMkLst>
          <pc:docMk/>
          <pc:sldMk cId="2705051400" sldId="288"/>
        </pc:sldMkLst>
        <pc:spChg chg="mod">
          <ac:chgData name="Emelie Westall Lundqvist" userId="S::s221956@dtu.dk::3a6c0c6b-4056-4919-93f8-4a249b28df98" providerId="AD" clId="Web-{41B1FB42-3BE1-4CFA-81E7-2D131287D342}" dt="2022-12-18T14:07:04.056" v="94" actId="14100"/>
          <ac:spMkLst>
            <pc:docMk/>
            <pc:sldMk cId="2705051400" sldId="288"/>
            <ac:spMk id="9" creationId="{40EDAFF2-3077-7B6C-D278-92A7793B7068}"/>
          </ac:spMkLst>
        </pc:spChg>
      </pc:sldChg>
      <pc:sldChg chg="modSp">
        <pc:chgData name="Emelie Westall Lundqvist" userId="S::s221956@dtu.dk::3a6c0c6b-4056-4919-93f8-4a249b28df98" providerId="AD" clId="Web-{41B1FB42-3BE1-4CFA-81E7-2D131287D342}" dt="2022-12-18T14:11:20.652" v="107" actId="20577"/>
        <pc:sldMkLst>
          <pc:docMk/>
          <pc:sldMk cId="4263034455" sldId="290"/>
        </pc:sldMkLst>
        <pc:spChg chg="mod">
          <ac:chgData name="Emelie Westall Lundqvist" userId="S::s221956@dtu.dk::3a6c0c6b-4056-4919-93f8-4a249b28df98" providerId="AD" clId="Web-{41B1FB42-3BE1-4CFA-81E7-2D131287D342}" dt="2022-12-18T14:11:20.652" v="107" actId="20577"/>
          <ac:spMkLst>
            <pc:docMk/>
            <pc:sldMk cId="4263034455" sldId="290"/>
            <ac:spMk id="9" creationId="{704D86F0-450B-535B-A51E-035678B14E5A}"/>
          </ac:spMkLst>
        </pc:spChg>
      </pc:sldChg>
      <pc:sldChg chg="modSp">
        <pc:chgData name="Emelie Westall Lundqvist" userId="S::s221956@dtu.dk::3a6c0c6b-4056-4919-93f8-4a249b28df98" providerId="AD" clId="Web-{41B1FB42-3BE1-4CFA-81E7-2D131287D342}" dt="2022-12-18T14:07:17.915" v="96" actId="14100"/>
        <pc:sldMkLst>
          <pc:docMk/>
          <pc:sldMk cId="1745362683" sldId="292"/>
        </pc:sldMkLst>
        <pc:spChg chg="mod">
          <ac:chgData name="Emelie Westall Lundqvist" userId="S::s221956@dtu.dk::3a6c0c6b-4056-4919-93f8-4a249b28df98" providerId="AD" clId="Web-{41B1FB42-3BE1-4CFA-81E7-2D131287D342}" dt="2022-12-18T14:07:17.915" v="96" actId="14100"/>
          <ac:spMkLst>
            <pc:docMk/>
            <pc:sldMk cId="1745362683" sldId="292"/>
            <ac:spMk id="28" creationId="{5804C9A8-CDE3-4B5E-9996-B0CE63175B73}"/>
          </ac:spMkLst>
        </pc:spChg>
      </pc:sldChg>
      <pc:sldChg chg="modSp">
        <pc:chgData name="Emelie Westall Lundqvist" userId="S::s221956@dtu.dk::3a6c0c6b-4056-4919-93f8-4a249b28df98" providerId="AD" clId="Web-{41B1FB42-3BE1-4CFA-81E7-2D131287D342}" dt="2022-12-18T13:54:51.048" v="87" actId="20577"/>
        <pc:sldMkLst>
          <pc:docMk/>
          <pc:sldMk cId="1333170057" sldId="294"/>
        </pc:sldMkLst>
        <pc:spChg chg="mod">
          <ac:chgData name="Emelie Westall Lundqvist" userId="S::s221956@dtu.dk::3a6c0c6b-4056-4919-93f8-4a249b28df98" providerId="AD" clId="Web-{41B1FB42-3BE1-4CFA-81E7-2D131287D342}" dt="2022-12-18T13:54:51.048" v="87" actId="20577"/>
          <ac:spMkLst>
            <pc:docMk/>
            <pc:sldMk cId="1333170057" sldId="294"/>
            <ac:spMk id="24" creationId="{FE69AAC1-C4BA-4E80-C978-AE8846FDD692}"/>
          </ac:spMkLst>
        </pc:spChg>
        <pc:picChg chg="mod">
          <ac:chgData name="Emelie Westall Lundqvist" userId="S::s221956@dtu.dk::3a6c0c6b-4056-4919-93f8-4a249b28df98" providerId="AD" clId="Web-{41B1FB42-3BE1-4CFA-81E7-2D131287D342}" dt="2022-12-18T13:49:38.998" v="55" actId="1076"/>
          <ac:picMkLst>
            <pc:docMk/>
            <pc:sldMk cId="1333170057" sldId="294"/>
            <ac:picMk id="11" creationId="{7B2CFD9F-0851-F436-A167-8D4F094A4ED6}"/>
          </ac:picMkLst>
        </pc:picChg>
        <pc:picChg chg="mod">
          <ac:chgData name="Emelie Westall Lundqvist" userId="S::s221956@dtu.dk::3a6c0c6b-4056-4919-93f8-4a249b28df98" providerId="AD" clId="Web-{41B1FB42-3BE1-4CFA-81E7-2D131287D342}" dt="2022-12-18T13:50:01.342" v="56" actId="1076"/>
          <ac:picMkLst>
            <pc:docMk/>
            <pc:sldMk cId="1333170057" sldId="294"/>
            <ac:picMk id="12" creationId="{0114416B-D152-4A43-1771-D0B9A4C5217B}"/>
          </ac:picMkLst>
        </pc:picChg>
        <pc:picChg chg="mod">
          <ac:chgData name="Emelie Westall Lundqvist" userId="S::s221956@dtu.dk::3a6c0c6b-4056-4919-93f8-4a249b28df98" providerId="AD" clId="Web-{41B1FB42-3BE1-4CFA-81E7-2D131287D342}" dt="2022-12-18T13:50:25.342" v="59" actId="1076"/>
          <ac:picMkLst>
            <pc:docMk/>
            <pc:sldMk cId="1333170057" sldId="294"/>
            <ac:picMk id="33" creationId="{59FC1A32-1CB7-735F-BEEC-D0FB50B7B243}"/>
          </ac:picMkLst>
        </pc:picChg>
      </pc:sldChg>
      <pc:sldChg chg="modSp">
        <pc:chgData name="Emelie Westall Lundqvist" userId="S::s221956@dtu.dk::3a6c0c6b-4056-4919-93f8-4a249b28df98" providerId="AD" clId="Web-{41B1FB42-3BE1-4CFA-81E7-2D131287D342}" dt="2022-12-18T14:13:51.622" v="131" actId="20577"/>
        <pc:sldMkLst>
          <pc:docMk/>
          <pc:sldMk cId="390031177" sldId="295"/>
        </pc:sldMkLst>
        <pc:spChg chg="mod">
          <ac:chgData name="Emelie Westall Lundqvist" userId="S::s221956@dtu.dk::3a6c0c6b-4056-4919-93f8-4a249b28df98" providerId="AD" clId="Web-{41B1FB42-3BE1-4CFA-81E7-2D131287D342}" dt="2022-12-18T14:13:51.622" v="131" actId="20577"/>
          <ac:spMkLst>
            <pc:docMk/>
            <pc:sldMk cId="390031177" sldId="295"/>
            <ac:spMk id="21" creationId="{8F491E90-F297-FDD1-8808-591713591313}"/>
          </ac:spMkLst>
        </pc:spChg>
        <pc:inkChg chg="mod">
          <ac:chgData name="Emelie Westall Lundqvist" userId="S::s221956@dtu.dk::3a6c0c6b-4056-4919-93f8-4a249b28df98" providerId="AD" clId="Web-{41B1FB42-3BE1-4CFA-81E7-2D131287D342}" dt="2022-12-18T14:13:14.091" v="117" actId="1076"/>
          <ac:inkMkLst>
            <pc:docMk/>
            <pc:sldMk cId="390031177" sldId="295"/>
            <ac:inkMk id="31" creationId="{CC8B9000-3557-A046-0BD8-E11A49F0351C}"/>
          </ac:inkMkLst>
        </pc:inkChg>
      </pc:sldChg>
      <pc:sldChg chg="modSp">
        <pc:chgData name="Emelie Westall Lundqvist" userId="S::s221956@dtu.dk::3a6c0c6b-4056-4919-93f8-4a249b28df98" providerId="AD" clId="Web-{41B1FB42-3BE1-4CFA-81E7-2D131287D342}" dt="2022-12-18T13:39:10.804" v="1" actId="20577"/>
        <pc:sldMkLst>
          <pc:docMk/>
          <pc:sldMk cId="962141961" sldId="296"/>
        </pc:sldMkLst>
        <pc:spChg chg="mod">
          <ac:chgData name="Emelie Westall Lundqvist" userId="S::s221956@dtu.dk::3a6c0c6b-4056-4919-93f8-4a249b28df98" providerId="AD" clId="Web-{41B1FB42-3BE1-4CFA-81E7-2D131287D342}" dt="2022-12-18T13:39:10.804" v="1" actId="20577"/>
          <ac:spMkLst>
            <pc:docMk/>
            <pc:sldMk cId="962141961" sldId="296"/>
            <ac:spMk id="5" creationId="{AF78463D-9928-CDB3-2D8C-0722CBEAB018}"/>
          </ac:spMkLst>
        </pc:spChg>
      </pc:sldChg>
    </pc:docChg>
  </pc:docChgLst>
  <pc:docChgLst>
    <pc:chgData name="Emelie Westall Lundqvist" userId="S::s221956@dtu.dk::3a6c0c6b-4056-4919-93f8-4a249b28df98" providerId="AD" clId="Web-{280A5F62-A0B7-BC90-A438-4FC4DB0A8792}"/>
    <pc:docChg chg="addSld delSld modSld">
      <pc:chgData name="Emelie Westall Lundqvist" userId="S::s221956@dtu.dk::3a6c0c6b-4056-4919-93f8-4a249b28df98" providerId="AD" clId="Web-{280A5F62-A0B7-BC90-A438-4FC4DB0A8792}" dt="2022-12-17T13:14:17.228" v="823" actId="1076"/>
      <pc:docMkLst>
        <pc:docMk/>
      </pc:docMkLst>
      <pc:sldChg chg="modSp del">
        <pc:chgData name="Emelie Westall Lundqvist" userId="S::s221956@dtu.dk::3a6c0c6b-4056-4919-93f8-4a249b28df98" providerId="AD" clId="Web-{280A5F62-A0B7-BC90-A438-4FC4DB0A8792}" dt="2022-12-17T13:11:52.240" v="750"/>
        <pc:sldMkLst>
          <pc:docMk/>
          <pc:sldMk cId="8544567" sldId="287"/>
        </pc:sldMkLst>
        <pc:spChg chg="mod">
          <ac:chgData name="Emelie Westall Lundqvist" userId="S::s221956@dtu.dk::3a6c0c6b-4056-4919-93f8-4a249b28df98" providerId="AD" clId="Web-{280A5F62-A0B7-BC90-A438-4FC4DB0A8792}" dt="2022-12-17T12:31:19.876" v="114" actId="20577"/>
          <ac:spMkLst>
            <pc:docMk/>
            <pc:sldMk cId="8544567" sldId="287"/>
            <ac:spMk id="3" creationId="{8C8D761C-6F53-D4CA-D83C-439D148CE3E6}"/>
          </ac:spMkLst>
        </pc:spChg>
      </pc:sldChg>
      <pc:sldChg chg="modSp">
        <pc:chgData name="Emelie Westall Lundqvist" userId="S::s221956@dtu.dk::3a6c0c6b-4056-4919-93f8-4a249b28df98" providerId="AD" clId="Web-{280A5F62-A0B7-BC90-A438-4FC4DB0A8792}" dt="2022-12-17T13:03:32.387" v="507" actId="14100"/>
        <pc:sldMkLst>
          <pc:docMk/>
          <pc:sldMk cId="2705051400" sldId="288"/>
        </pc:sldMkLst>
        <pc:spChg chg="mod">
          <ac:chgData name="Emelie Westall Lundqvist" userId="S::s221956@dtu.dk::3a6c0c6b-4056-4919-93f8-4a249b28df98" providerId="AD" clId="Web-{280A5F62-A0B7-BC90-A438-4FC4DB0A8792}" dt="2022-12-17T13:03:32.387" v="503" actId="14100"/>
          <ac:spMkLst>
            <pc:docMk/>
            <pc:sldMk cId="2705051400" sldId="288"/>
            <ac:spMk id="6" creationId="{BB245E9D-C69C-8F9D-237A-F9B300ECB598}"/>
          </ac:spMkLst>
        </pc:spChg>
        <pc:spChg chg="mod">
          <ac:chgData name="Emelie Westall Lundqvist" userId="S::s221956@dtu.dk::3a6c0c6b-4056-4919-93f8-4a249b28df98" providerId="AD" clId="Web-{280A5F62-A0B7-BC90-A438-4FC4DB0A8792}" dt="2022-12-17T12:29:20.796" v="78" actId="1076"/>
          <ac:spMkLst>
            <pc:docMk/>
            <pc:sldMk cId="2705051400" sldId="288"/>
            <ac:spMk id="8" creationId="{A0265546-106C-15D4-D4DB-57BA0659CC6D}"/>
          </ac:spMkLst>
        </pc:spChg>
        <pc:picChg chg="mod">
          <ac:chgData name="Emelie Westall Lundqvist" userId="S::s221956@dtu.dk::3a6c0c6b-4056-4919-93f8-4a249b28df98" providerId="AD" clId="Web-{280A5F62-A0B7-BC90-A438-4FC4DB0A8792}" dt="2022-12-17T13:03:32.387" v="507" actId="14100"/>
          <ac:picMkLst>
            <pc:docMk/>
            <pc:sldMk cId="2705051400" sldId="288"/>
            <ac:picMk id="10" creationId="{44159D19-C970-3C6D-2310-92F903619371}"/>
          </ac:picMkLst>
        </pc:picChg>
        <pc:inkChg chg="mod">
          <ac:chgData name="Emelie Westall Lundqvist" userId="S::s221956@dtu.dk::3a6c0c6b-4056-4919-93f8-4a249b28df98" providerId="AD" clId="Web-{280A5F62-A0B7-BC90-A438-4FC4DB0A8792}" dt="2022-12-17T13:03:32.387" v="505" actId="14100"/>
          <ac:inkMkLst>
            <pc:docMk/>
            <pc:sldMk cId="2705051400" sldId="288"/>
            <ac:inkMk id="2" creationId="{49D77F34-5D11-A95D-9EA0-7EDF25A466E5}"/>
          </ac:inkMkLst>
        </pc:inkChg>
        <pc:inkChg chg="mod">
          <ac:chgData name="Emelie Westall Lundqvist" userId="S::s221956@dtu.dk::3a6c0c6b-4056-4919-93f8-4a249b28df98" providerId="AD" clId="Web-{280A5F62-A0B7-BC90-A438-4FC4DB0A8792}" dt="2022-12-17T13:03:32.387" v="506" actId="14100"/>
          <ac:inkMkLst>
            <pc:docMk/>
            <pc:sldMk cId="2705051400" sldId="288"/>
            <ac:inkMk id="17" creationId="{15EF8FBD-3B60-3DAC-1FE7-18B639962FA6}"/>
          </ac:inkMkLst>
        </pc:inkChg>
        <pc:inkChg chg="mod">
          <ac:chgData name="Emelie Westall Lundqvist" userId="S::s221956@dtu.dk::3a6c0c6b-4056-4919-93f8-4a249b28df98" providerId="AD" clId="Web-{280A5F62-A0B7-BC90-A438-4FC4DB0A8792}" dt="2022-12-17T13:03:32.387" v="504" actId="14100"/>
          <ac:inkMkLst>
            <pc:docMk/>
            <pc:sldMk cId="2705051400" sldId="288"/>
            <ac:inkMk id="110" creationId="{DD061307-26B5-FF1E-C87A-72C41A66B704}"/>
          </ac:inkMkLst>
        </pc:inkChg>
      </pc:sldChg>
      <pc:sldChg chg="modSp">
        <pc:chgData name="Emelie Westall Lundqvist" userId="S::s221956@dtu.dk::3a6c0c6b-4056-4919-93f8-4a249b28df98" providerId="AD" clId="Web-{280A5F62-A0B7-BC90-A438-4FC4DB0A8792}" dt="2022-12-17T13:03:56.106" v="543" actId="14100"/>
        <pc:sldMkLst>
          <pc:docMk/>
          <pc:sldMk cId="369920992" sldId="289"/>
        </pc:sldMkLst>
        <pc:spChg chg="mod">
          <ac:chgData name="Emelie Westall Lundqvist" userId="S::s221956@dtu.dk::3a6c0c6b-4056-4919-93f8-4a249b28df98" providerId="AD" clId="Web-{280A5F62-A0B7-BC90-A438-4FC4DB0A8792}" dt="2022-12-17T12:43:50.003" v="354" actId="20577"/>
          <ac:spMkLst>
            <pc:docMk/>
            <pc:sldMk cId="369920992" sldId="289"/>
            <ac:spMk id="19" creationId="{54A56871-9B96-F2F8-A90E-5E36D2C2DA63}"/>
          </ac:spMkLst>
        </pc:spChg>
        <pc:spChg chg="mod">
          <ac:chgData name="Emelie Westall Lundqvist" userId="S::s221956@dtu.dk::3a6c0c6b-4056-4919-93f8-4a249b28df98" providerId="AD" clId="Web-{280A5F62-A0B7-BC90-A438-4FC4DB0A8792}" dt="2022-12-17T12:43:49.019" v="351" actId="20577"/>
          <ac:spMkLst>
            <pc:docMk/>
            <pc:sldMk cId="369920992" sldId="289"/>
            <ac:spMk id="20" creationId="{12598249-373C-5376-E1BA-A41FDE9CE2A8}"/>
          </ac:spMkLst>
        </pc:spChg>
        <pc:spChg chg="mod">
          <ac:chgData name="Emelie Westall Lundqvist" userId="S::s221956@dtu.dk::3a6c0c6b-4056-4919-93f8-4a249b28df98" providerId="AD" clId="Web-{280A5F62-A0B7-BC90-A438-4FC4DB0A8792}" dt="2022-12-17T13:03:54.840" v="539" actId="14100"/>
          <ac:spMkLst>
            <pc:docMk/>
            <pc:sldMk cId="369920992" sldId="289"/>
            <ac:spMk id="26" creationId="{F64038CB-BC23-C4F3-2CAE-A878D2B7D7B1}"/>
          </ac:spMkLst>
        </pc:spChg>
        <pc:spChg chg="mod">
          <ac:chgData name="Emelie Westall Lundqvist" userId="S::s221956@dtu.dk::3a6c0c6b-4056-4919-93f8-4a249b28df98" providerId="AD" clId="Web-{280A5F62-A0B7-BC90-A438-4FC4DB0A8792}" dt="2022-12-17T13:03:54.778" v="535" actId="14100"/>
          <ac:spMkLst>
            <pc:docMk/>
            <pc:sldMk cId="369920992" sldId="289"/>
            <ac:spMk id="146" creationId="{16CF5374-F4AE-BA9E-839B-307C5661BBC7}"/>
          </ac:spMkLst>
        </pc:spChg>
        <pc:spChg chg="mod">
          <ac:chgData name="Emelie Westall Lundqvist" userId="S::s221956@dtu.dk::3a6c0c6b-4056-4919-93f8-4a249b28df98" providerId="AD" clId="Web-{280A5F62-A0B7-BC90-A438-4FC4DB0A8792}" dt="2022-12-17T13:03:54.793" v="536" actId="14100"/>
          <ac:spMkLst>
            <pc:docMk/>
            <pc:sldMk cId="369920992" sldId="289"/>
            <ac:spMk id="155" creationId="{559730D3-B7B1-C01A-59FB-7FF9DF8D21C8}"/>
          </ac:spMkLst>
        </pc:spChg>
        <pc:picChg chg="mod">
          <ac:chgData name="Emelie Westall Lundqvist" userId="S::s221956@dtu.dk::3a6c0c6b-4056-4919-93f8-4a249b28df98" providerId="AD" clId="Web-{280A5F62-A0B7-BC90-A438-4FC4DB0A8792}" dt="2022-12-17T13:03:56.106" v="543" actId="14100"/>
          <ac:picMkLst>
            <pc:docMk/>
            <pc:sldMk cId="369920992" sldId="289"/>
            <ac:picMk id="25" creationId="{92EF418C-F6F2-576D-EBA1-733B03DAF638}"/>
          </ac:picMkLst>
        </pc:picChg>
        <pc:inkChg chg="mod">
          <ac:chgData name="Emelie Westall Lundqvist" userId="S::s221956@dtu.dk::3a6c0c6b-4056-4919-93f8-4a249b28df98" providerId="AD" clId="Web-{280A5F62-A0B7-BC90-A438-4FC4DB0A8792}" dt="2022-12-17T13:03:56.106" v="542" actId="14100"/>
          <ac:inkMkLst>
            <pc:docMk/>
            <pc:sldMk cId="369920992" sldId="289"/>
            <ac:inkMk id="138" creationId="{2AACB41D-80FF-6D18-F9E8-B8239E3BE13D}"/>
          </ac:inkMkLst>
        </pc:inkChg>
        <pc:inkChg chg="mod">
          <ac:chgData name="Emelie Westall Lundqvist" userId="S::s221956@dtu.dk::3a6c0c6b-4056-4919-93f8-4a249b28df98" providerId="AD" clId="Web-{280A5F62-A0B7-BC90-A438-4FC4DB0A8792}" dt="2022-12-17T13:03:56.106" v="541" actId="14100"/>
          <ac:inkMkLst>
            <pc:docMk/>
            <pc:sldMk cId="369920992" sldId="289"/>
            <ac:inkMk id="181" creationId="{7F4D0D66-8BF8-3E0A-C357-B708EBD1C6A7}"/>
          </ac:inkMkLst>
        </pc:inkChg>
        <pc:inkChg chg="mod">
          <ac:chgData name="Emelie Westall Lundqvist" userId="S::s221956@dtu.dk::3a6c0c6b-4056-4919-93f8-4a249b28df98" providerId="AD" clId="Web-{280A5F62-A0B7-BC90-A438-4FC4DB0A8792}" dt="2022-12-17T13:03:56.106" v="540" actId="14100"/>
          <ac:inkMkLst>
            <pc:docMk/>
            <pc:sldMk cId="369920992" sldId="289"/>
            <ac:inkMk id="182" creationId="{84DF654D-797F-15A4-32E1-0A327C6D3E0E}"/>
          </ac:inkMkLst>
        </pc:inkChg>
      </pc:sldChg>
      <pc:sldChg chg="addSp delSp modSp">
        <pc:chgData name="Emelie Westall Lundqvist" userId="S::s221956@dtu.dk::3a6c0c6b-4056-4919-93f8-4a249b28df98" providerId="AD" clId="Web-{280A5F62-A0B7-BC90-A438-4FC4DB0A8792}" dt="2022-12-17T13:05:13.654" v="565" actId="14100"/>
        <pc:sldMkLst>
          <pc:docMk/>
          <pc:sldMk cId="1745362683" sldId="292"/>
        </pc:sldMkLst>
        <pc:spChg chg="add mod ord">
          <ac:chgData name="Emelie Westall Lundqvist" userId="S::s221956@dtu.dk::3a6c0c6b-4056-4919-93f8-4a249b28df98" providerId="AD" clId="Web-{280A5F62-A0B7-BC90-A438-4FC4DB0A8792}" dt="2022-12-17T12:30:36.641" v="110" actId="14100"/>
          <ac:spMkLst>
            <pc:docMk/>
            <pc:sldMk cId="1745362683" sldId="292"/>
            <ac:spMk id="10" creationId="{A5C32221-92D8-2BF2-615B-A71FF7875D52}"/>
          </ac:spMkLst>
        </pc:spChg>
        <pc:spChg chg="mod">
          <ac:chgData name="Emelie Westall Lundqvist" userId="S::s221956@dtu.dk::3a6c0c6b-4056-4919-93f8-4a249b28df98" providerId="AD" clId="Web-{280A5F62-A0B7-BC90-A438-4FC4DB0A8792}" dt="2022-12-17T12:39:42.404" v="341" actId="20577"/>
          <ac:spMkLst>
            <pc:docMk/>
            <pc:sldMk cId="1745362683" sldId="292"/>
            <ac:spMk id="28" creationId="{5804C9A8-CDE3-4B5E-9996-B0CE63175B73}"/>
          </ac:spMkLst>
        </pc:spChg>
        <pc:spChg chg="mod">
          <ac:chgData name="Emelie Westall Lundqvist" userId="S::s221956@dtu.dk::3a6c0c6b-4056-4919-93f8-4a249b28df98" providerId="AD" clId="Web-{280A5F62-A0B7-BC90-A438-4FC4DB0A8792}" dt="2022-12-17T12:30:32.797" v="109" actId="20577"/>
          <ac:spMkLst>
            <pc:docMk/>
            <pc:sldMk cId="1745362683" sldId="292"/>
            <ac:spMk id="45" creationId="{0012CAD7-A5CC-9C2C-2EE1-237BB14CE40E}"/>
          </ac:spMkLst>
        </pc:spChg>
        <pc:spChg chg="mod">
          <ac:chgData name="Emelie Westall Lundqvist" userId="S::s221956@dtu.dk::3a6c0c6b-4056-4919-93f8-4a249b28df98" providerId="AD" clId="Web-{280A5F62-A0B7-BC90-A438-4FC4DB0A8792}" dt="2022-12-17T13:05:10.888" v="562" actId="1076"/>
          <ac:spMkLst>
            <pc:docMk/>
            <pc:sldMk cId="1745362683" sldId="292"/>
            <ac:spMk id="74" creationId="{D6FAEEE8-27C6-EA20-4FE7-6DC6E7275220}"/>
          </ac:spMkLst>
        </pc:spChg>
        <pc:spChg chg="del">
          <ac:chgData name="Emelie Westall Lundqvist" userId="S::s221956@dtu.dk::3a6c0c6b-4056-4919-93f8-4a249b28df98" providerId="AD" clId="Web-{280A5F62-A0B7-BC90-A438-4FC4DB0A8792}" dt="2022-12-17T12:30:04.687" v="92"/>
          <ac:spMkLst>
            <pc:docMk/>
            <pc:sldMk cId="1745362683" sldId="292"/>
            <ac:spMk id="115" creationId="{3A23F904-BC60-E3ED-A568-32BA5476CD5C}"/>
          </ac:spMkLst>
        </pc:spChg>
        <pc:picChg chg="ord">
          <ac:chgData name="Emelie Westall Lundqvist" userId="S::s221956@dtu.dk::3a6c0c6b-4056-4919-93f8-4a249b28df98" providerId="AD" clId="Web-{280A5F62-A0B7-BC90-A438-4FC4DB0A8792}" dt="2022-12-17T12:30:16.781" v="95"/>
          <ac:picMkLst>
            <pc:docMk/>
            <pc:sldMk cId="1745362683" sldId="292"/>
            <ac:picMk id="6" creationId="{2E63BA30-1C97-5497-D018-5AA9C21A6553}"/>
          </ac:picMkLst>
        </pc:picChg>
        <pc:picChg chg="mod">
          <ac:chgData name="Emelie Westall Lundqvist" userId="S::s221956@dtu.dk::3a6c0c6b-4056-4919-93f8-4a249b28df98" providerId="AD" clId="Web-{280A5F62-A0B7-BC90-A438-4FC4DB0A8792}" dt="2022-12-17T13:05:13.654" v="565" actId="14100"/>
          <ac:picMkLst>
            <pc:docMk/>
            <pc:sldMk cId="1745362683" sldId="292"/>
            <ac:picMk id="29" creationId="{EEAC7B23-3147-F6AF-CD1F-863791C2F403}"/>
          </ac:picMkLst>
        </pc:picChg>
        <pc:picChg chg="add del mod">
          <ac:chgData name="Emelie Westall Lundqvist" userId="S::s221956@dtu.dk::3a6c0c6b-4056-4919-93f8-4a249b28df98" providerId="AD" clId="Web-{280A5F62-A0B7-BC90-A438-4FC4DB0A8792}" dt="2022-12-17T12:43:55.144" v="356"/>
          <ac:picMkLst>
            <pc:docMk/>
            <pc:sldMk cId="1745362683" sldId="292"/>
            <ac:picMk id="42" creationId="{CA82D05C-9AE8-3353-0817-E0F07D9BAEA6}"/>
          </ac:picMkLst>
        </pc:picChg>
        <pc:inkChg chg="mod">
          <ac:chgData name="Emelie Westall Lundqvist" userId="S::s221956@dtu.dk::3a6c0c6b-4056-4919-93f8-4a249b28df98" providerId="AD" clId="Web-{280A5F62-A0B7-BC90-A438-4FC4DB0A8792}" dt="2022-12-17T13:05:12.232" v="564" actId="1076"/>
          <ac:inkMkLst>
            <pc:docMk/>
            <pc:sldMk cId="1745362683" sldId="292"/>
            <ac:inkMk id="30" creationId="{B6BF62E2-63A3-ADF5-DC24-AB7CB2AB1F74}"/>
          </ac:inkMkLst>
        </pc:inkChg>
        <pc:inkChg chg="mod">
          <ac:chgData name="Emelie Westall Lundqvist" userId="S::s221956@dtu.dk::3a6c0c6b-4056-4919-93f8-4a249b28df98" providerId="AD" clId="Web-{280A5F62-A0B7-BC90-A438-4FC4DB0A8792}" dt="2022-12-17T13:05:12.232" v="563" actId="1076"/>
          <ac:inkMkLst>
            <pc:docMk/>
            <pc:sldMk cId="1745362683" sldId="292"/>
            <ac:inkMk id="109" creationId="{D59F154B-5E3E-188B-C378-6A5DB0FC31E8}"/>
          </ac:inkMkLst>
        </pc:inkChg>
      </pc:sldChg>
      <pc:sldChg chg="addSp delSp modSp">
        <pc:chgData name="Emelie Westall Lundqvist" userId="S::s221956@dtu.dk::3a6c0c6b-4056-4919-93f8-4a249b28df98" providerId="AD" clId="Web-{280A5F62-A0B7-BC90-A438-4FC4DB0A8792}" dt="2022-12-17T13:14:17.228" v="823" actId="1076"/>
        <pc:sldMkLst>
          <pc:docMk/>
          <pc:sldMk cId="1369791146" sldId="293"/>
        </pc:sldMkLst>
        <pc:spChg chg="mod">
          <ac:chgData name="Emelie Westall Lundqvist" userId="S::s221956@dtu.dk::3a6c0c6b-4056-4919-93f8-4a249b28df98" providerId="AD" clId="Web-{280A5F62-A0B7-BC90-A438-4FC4DB0A8792}" dt="2022-12-17T12:29:57.859" v="90" actId="1076"/>
          <ac:spMkLst>
            <pc:docMk/>
            <pc:sldMk cId="1369791146" sldId="293"/>
            <ac:spMk id="2" creationId="{6E29BAE5-F929-1FA3-CFA6-C98CAADFE670}"/>
          </ac:spMkLst>
        </pc:spChg>
        <pc:spChg chg="mod">
          <ac:chgData name="Emelie Westall Lundqvist" userId="S::s221956@dtu.dk::3a6c0c6b-4056-4919-93f8-4a249b28df98" providerId="AD" clId="Web-{280A5F62-A0B7-BC90-A438-4FC4DB0A8792}" dt="2022-12-17T13:13:01.038" v="813" actId="1076"/>
          <ac:spMkLst>
            <pc:docMk/>
            <pc:sldMk cId="1369791146" sldId="293"/>
            <ac:spMk id="3" creationId="{195DEF46-02AE-7144-E639-4708CB9E0178}"/>
          </ac:spMkLst>
        </pc:spChg>
        <pc:spChg chg="mod">
          <ac:chgData name="Emelie Westall Lundqvist" userId="S::s221956@dtu.dk::3a6c0c6b-4056-4919-93f8-4a249b28df98" providerId="AD" clId="Web-{280A5F62-A0B7-BC90-A438-4FC4DB0A8792}" dt="2022-12-17T13:12:05.084" v="771" actId="14100"/>
          <ac:spMkLst>
            <pc:docMk/>
            <pc:sldMk cId="1369791146" sldId="293"/>
            <ac:spMk id="4" creationId="{197E00B4-349D-F2DE-888D-DDB610F49347}"/>
          </ac:spMkLst>
        </pc:spChg>
        <pc:spChg chg="mod">
          <ac:chgData name="Emelie Westall Lundqvist" userId="S::s221956@dtu.dk::3a6c0c6b-4056-4919-93f8-4a249b28df98" providerId="AD" clId="Web-{280A5F62-A0B7-BC90-A438-4FC4DB0A8792}" dt="2022-12-17T13:12:11.412" v="789" actId="1076"/>
          <ac:spMkLst>
            <pc:docMk/>
            <pc:sldMk cId="1369791146" sldId="293"/>
            <ac:spMk id="9" creationId="{343082EC-B71D-20B7-ABCC-C5A9313BB017}"/>
          </ac:spMkLst>
        </pc:spChg>
        <pc:spChg chg="mod">
          <ac:chgData name="Emelie Westall Lundqvist" userId="S::s221956@dtu.dk::3a6c0c6b-4056-4919-93f8-4a249b28df98" providerId="AD" clId="Web-{280A5F62-A0B7-BC90-A438-4FC4DB0A8792}" dt="2022-12-17T13:12:15.459" v="790" actId="1076"/>
          <ac:spMkLst>
            <pc:docMk/>
            <pc:sldMk cId="1369791146" sldId="293"/>
            <ac:spMk id="11" creationId="{02908406-56DD-AFF0-4D73-EA1ECF81F1E5}"/>
          </ac:spMkLst>
        </pc:spChg>
        <pc:spChg chg="mod">
          <ac:chgData name="Emelie Westall Lundqvist" userId="S::s221956@dtu.dk::3a6c0c6b-4056-4919-93f8-4a249b28df98" providerId="AD" clId="Web-{280A5F62-A0B7-BC90-A438-4FC4DB0A8792}" dt="2022-12-17T13:12:25.959" v="804" actId="1076"/>
          <ac:spMkLst>
            <pc:docMk/>
            <pc:sldMk cId="1369791146" sldId="293"/>
            <ac:spMk id="136" creationId="{E997B21E-5A6A-3CE6-DA83-FA56E90A8B31}"/>
          </ac:spMkLst>
        </pc:spChg>
        <pc:grpChg chg="del mod">
          <ac:chgData name="Emelie Westall Lundqvist" userId="S::s221956@dtu.dk::3a6c0c6b-4056-4919-93f8-4a249b28df98" providerId="AD" clId="Web-{280A5F62-A0B7-BC90-A438-4FC4DB0A8792}" dt="2022-12-17T13:12:21.990" v="799"/>
          <ac:grpSpMkLst>
            <pc:docMk/>
            <pc:sldMk cId="1369791146" sldId="293"/>
            <ac:grpSpMk id="24" creationId="{3DA4A437-1A07-9594-5C2A-A838F5131BCB}"/>
          </ac:grpSpMkLst>
        </pc:grpChg>
        <pc:picChg chg="mod">
          <ac:chgData name="Emelie Westall Lundqvist" userId="S::s221956@dtu.dk::3a6c0c6b-4056-4919-93f8-4a249b28df98" providerId="AD" clId="Web-{280A5F62-A0B7-BC90-A438-4FC4DB0A8792}" dt="2022-12-17T13:12:05.053" v="770" actId="14100"/>
          <ac:picMkLst>
            <pc:docMk/>
            <pc:sldMk cId="1369791146" sldId="293"/>
            <ac:picMk id="10" creationId="{A5EF8015-95DB-8D8B-02C2-7AA951481AE3}"/>
          </ac:picMkLst>
        </pc:picChg>
        <pc:inkChg chg="del mod">
          <ac:chgData name="Emelie Westall Lundqvist" userId="S::s221956@dtu.dk::3a6c0c6b-4056-4919-93f8-4a249b28df98" providerId="AD" clId="Web-{280A5F62-A0B7-BC90-A438-4FC4DB0A8792}" dt="2022-12-17T13:12:30.584" v="807"/>
          <ac:inkMkLst>
            <pc:docMk/>
            <pc:sldMk cId="1369791146" sldId="293"/>
            <ac:inkMk id="17" creationId="{E2BBFE03-040F-32D4-F115-B769BF3CDE62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21.990" v="802"/>
          <ac:inkMkLst>
            <pc:docMk/>
            <pc:sldMk cId="1369791146" sldId="293"/>
            <ac:inkMk id="18" creationId="{3008471B-2524-41DF-07D3-82FB43B8D818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21.990" v="801"/>
          <ac:inkMkLst>
            <pc:docMk/>
            <pc:sldMk cId="1369791146" sldId="293"/>
            <ac:inkMk id="19" creationId="{DA9F15D6-E93E-2798-6660-A4E3B3E0B88C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21.990" v="800"/>
          <ac:inkMkLst>
            <pc:docMk/>
            <pc:sldMk cId="1369791146" sldId="293"/>
            <ac:inkMk id="20" creationId="{6D3AD514-DDFF-69AA-A506-DD8DB0033137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21.990" v="798"/>
          <ac:inkMkLst>
            <pc:docMk/>
            <pc:sldMk cId="1369791146" sldId="293"/>
            <ac:inkMk id="23" creationId="{1CD6C19A-A9B1-D08F-3DE7-1D9F623E7623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21.990" v="797"/>
          <ac:inkMkLst>
            <pc:docMk/>
            <pc:sldMk cId="1369791146" sldId="293"/>
            <ac:inkMk id="25" creationId="{C442026D-E160-8133-A6BF-4AEA2592DDC5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21.990" v="796"/>
          <ac:inkMkLst>
            <pc:docMk/>
            <pc:sldMk cId="1369791146" sldId="293"/>
            <ac:inkMk id="26" creationId="{0308BC72-C9BC-F25E-D4A2-5CB60F2111E8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21.990" v="795"/>
          <ac:inkMkLst>
            <pc:docMk/>
            <pc:sldMk cId="1369791146" sldId="293"/>
            <ac:inkMk id="27" creationId="{51D86AA0-7675-C5EB-387C-95BEA5180890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21.990" v="794"/>
          <ac:inkMkLst>
            <pc:docMk/>
            <pc:sldMk cId="1369791146" sldId="293"/>
            <ac:inkMk id="28" creationId="{ECCCEBC9-F330-804F-55DF-8D4E561174DE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21.990" v="793"/>
          <ac:inkMkLst>
            <pc:docMk/>
            <pc:sldMk cId="1369791146" sldId="293"/>
            <ac:inkMk id="29" creationId="{733EC570-C8BC-D1E5-F1C8-C33C661C20B2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21.990" v="792"/>
          <ac:inkMkLst>
            <pc:docMk/>
            <pc:sldMk cId="1369791146" sldId="293"/>
            <ac:inkMk id="30" creationId="{D7B75FBB-9EDF-A8A8-1FC8-9407468F5872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30.584" v="806"/>
          <ac:inkMkLst>
            <pc:docMk/>
            <pc:sldMk cId="1369791146" sldId="293"/>
            <ac:inkMk id="31" creationId="{AAFEF8F1-E282-816F-0389-967AA2CA10A2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30.584" v="805"/>
          <ac:inkMkLst>
            <pc:docMk/>
            <pc:sldMk cId="1369791146" sldId="293"/>
            <ac:inkMk id="32" creationId="{51C9A09B-573E-3DE4-A130-F5CBED4E860A}"/>
          </ac:inkMkLst>
        </pc:inkChg>
        <pc:inkChg chg="del mod">
          <ac:chgData name="Emelie Westall Lundqvist" userId="S::s221956@dtu.dk::3a6c0c6b-4056-4919-93f8-4a249b28df98" providerId="AD" clId="Web-{280A5F62-A0B7-BC90-A438-4FC4DB0A8792}" dt="2022-12-17T13:12:21.990" v="791"/>
          <ac:inkMkLst>
            <pc:docMk/>
            <pc:sldMk cId="1369791146" sldId="293"/>
            <ac:inkMk id="33" creationId="{22E0D874-4986-23A7-F1C1-7831A0E3CE01}"/>
          </ac:inkMkLst>
        </pc:inkChg>
        <pc:inkChg chg="add del">
          <ac:chgData name="Emelie Westall Lundqvist" userId="S::s221956@dtu.dk::3a6c0c6b-4056-4919-93f8-4a249b28df98" providerId="AD" clId="Web-{280A5F62-A0B7-BC90-A438-4FC4DB0A8792}" dt="2022-12-17T13:12:38.366" v="809"/>
          <ac:inkMkLst>
            <pc:docMk/>
            <pc:sldMk cId="1369791146" sldId="293"/>
            <ac:inkMk id="396" creationId="{AD3C183F-FC3C-E540-38B7-5551B5A1FD71}"/>
          </ac:inkMkLst>
        </pc:inkChg>
        <pc:inkChg chg="add del">
          <ac:chgData name="Emelie Westall Lundqvist" userId="S::s221956@dtu.dk::3a6c0c6b-4056-4919-93f8-4a249b28df98" providerId="AD" clId="Web-{280A5F62-A0B7-BC90-A438-4FC4DB0A8792}" dt="2022-12-17T13:12:51.460" v="811"/>
          <ac:inkMkLst>
            <pc:docMk/>
            <pc:sldMk cId="1369791146" sldId="293"/>
            <ac:inkMk id="409" creationId="{A9E80EF8-0189-4FC6-17EE-65D16091E353}"/>
          </ac:inkMkLst>
        </pc:inkChg>
        <pc:inkChg chg="add">
          <ac:chgData name="Emelie Westall Lundqvist" userId="S::s221956@dtu.dk::3a6c0c6b-4056-4919-93f8-4a249b28df98" providerId="AD" clId="Web-{280A5F62-A0B7-BC90-A438-4FC4DB0A8792}" dt="2022-12-17T13:13:23.570" v="814"/>
          <ac:inkMkLst>
            <pc:docMk/>
            <pc:sldMk cId="1369791146" sldId="293"/>
            <ac:inkMk id="418" creationId="{B5660794-B8C0-48E2-E11C-EAB0874DF637}"/>
          </ac:inkMkLst>
        </pc:inkChg>
        <pc:inkChg chg="add">
          <ac:chgData name="Emelie Westall Lundqvist" userId="S::s221956@dtu.dk::3a6c0c6b-4056-4919-93f8-4a249b28df98" providerId="AD" clId="Web-{280A5F62-A0B7-BC90-A438-4FC4DB0A8792}" dt="2022-12-17T13:13:24.867" v="815"/>
          <ac:inkMkLst>
            <pc:docMk/>
            <pc:sldMk cId="1369791146" sldId="293"/>
            <ac:inkMk id="419" creationId="{BBB880C1-5279-8F9A-ED91-71E9D1682CD4}"/>
          </ac:inkMkLst>
        </pc:inkChg>
        <pc:inkChg chg="add">
          <ac:chgData name="Emelie Westall Lundqvist" userId="S::s221956@dtu.dk::3a6c0c6b-4056-4919-93f8-4a249b28df98" providerId="AD" clId="Web-{280A5F62-A0B7-BC90-A438-4FC4DB0A8792}" dt="2022-12-17T13:13:26.304" v="816"/>
          <ac:inkMkLst>
            <pc:docMk/>
            <pc:sldMk cId="1369791146" sldId="293"/>
            <ac:inkMk id="420" creationId="{542B51C4-81BD-D34C-BC8A-38192437DFC2}"/>
          </ac:inkMkLst>
        </pc:inkChg>
        <pc:inkChg chg="add">
          <ac:chgData name="Emelie Westall Lundqvist" userId="S::s221956@dtu.dk::3a6c0c6b-4056-4919-93f8-4a249b28df98" providerId="AD" clId="Web-{280A5F62-A0B7-BC90-A438-4FC4DB0A8792}" dt="2022-12-17T13:13:27.710" v="817"/>
          <ac:inkMkLst>
            <pc:docMk/>
            <pc:sldMk cId="1369791146" sldId="293"/>
            <ac:inkMk id="421" creationId="{53CDAEA4-7105-488C-971A-3BD819E21E5D}"/>
          </ac:inkMkLst>
        </pc:inkChg>
        <pc:inkChg chg="add">
          <ac:chgData name="Emelie Westall Lundqvist" userId="S::s221956@dtu.dk::3a6c0c6b-4056-4919-93f8-4a249b28df98" providerId="AD" clId="Web-{280A5F62-A0B7-BC90-A438-4FC4DB0A8792}" dt="2022-12-17T13:13:29.101" v="818"/>
          <ac:inkMkLst>
            <pc:docMk/>
            <pc:sldMk cId="1369791146" sldId="293"/>
            <ac:inkMk id="422" creationId="{01A2322B-B053-379C-9F16-D35B65EB5844}"/>
          </ac:inkMkLst>
        </pc:inkChg>
        <pc:inkChg chg="add">
          <ac:chgData name="Emelie Westall Lundqvist" userId="S::s221956@dtu.dk::3a6c0c6b-4056-4919-93f8-4a249b28df98" providerId="AD" clId="Web-{280A5F62-A0B7-BC90-A438-4FC4DB0A8792}" dt="2022-12-17T13:13:30.586" v="819"/>
          <ac:inkMkLst>
            <pc:docMk/>
            <pc:sldMk cId="1369791146" sldId="293"/>
            <ac:inkMk id="423" creationId="{F96A61F1-3407-1D1A-66B2-E4B7258C55C9}"/>
          </ac:inkMkLst>
        </pc:inkChg>
        <pc:inkChg chg="add">
          <ac:chgData name="Emelie Westall Lundqvist" userId="S::s221956@dtu.dk::3a6c0c6b-4056-4919-93f8-4a249b28df98" providerId="AD" clId="Web-{280A5F62-A0B7-BC90-A438-4FC4DB0A8792}" dt="2022-12-17T13:13:32.289" v="820"/>
          <ac:inkMkLst>
            <pc:docMk/>
            <pc:sldMk cId="1369791146" sldId="293"/>
            <ac:inkMk id="424" creationId="{A4D361C0-AF46-579A-D76E-592508E5A250}"/>
          </ac:inkMkLst>
        </pc:inkChg>
        <pc:cxnChg chg="mod">
          <ac:chgData name="Emelie Westall Lundqvist" userId="S::s221956@dtu.dk::3a6c0c6b-4056-4919-93f8-4a249b28df98" providerId="AD" clId="Web-{280A5F62-A0B7-BC90-A438-4FC4DB0A8792}" dt="2022-12-17T13:14:17.228" v="823" actId="1076"/>
          <ac:cxnSpMkLst>
            <pc:docMk/>
            <pc:sldMk cId="1369791146" sldId="293"/>
            <ac:cxnSpMk id="7" creationId="{71483A0C-96E4-4ECD-96E5-270AE8CC7532}"/>
          </ac:cxnSpMkLst>
        </pc:cxnChg>
      </pc:sldChg>
      <pc:sldChg chg="addSp modSp">
        <pc:chgData name="Emelie Westall Lundqvist" userId="S::s221956@dtu.dk::3a6c0c6b-4056-4919-93f8-4a249b28df98" providerId="AD" clId="Web-{280A5F62-A0B7-BC90-A438-4FC4DB0A8792}" dt="2022-12-17T13:09:41.112" v="706" actId="1076"/>
        <pc:sldMkLst>
          <pc:docMk/>
          <pc:sldMk cId="1333170057" sldId="294"/>
        </pc:sldMkLst>
        <pc:spChg chg="mod">
          <ac:chgData name="Emelie Westall Lundqvist" userId="S::s221956@dtu.dk::3a6c0c6b-4056-4919-93f8-4a249b28df98" providerId="AD" clId="Web-{280A5F62-A0B7-BC90-A438-4FC4DB0A8792}" dt="2022-12-17T13:08:00.501" v="692" actId="1076"/>
          <ac:spMkLst>
            <pc:docMk/>
            <pc:sldMk cId="1333170057" sldId="294"/>
            <ac:spMk id="7" creationId="{73276299-C597-42C3-BB02-93935D7D068C}"/>
          </ac:spMkLst>
        </pc:spChg>
        <pc:spChg chg="add mod">
          <ac:chgData name="Emelie Westall Lundqvist" userId="S::s221956@dtu.dk::3a6c0c6b-4056-4919-93f8-4a249b28df98" providerId="AD" clId="Web-{280A5F62-A0B7-BC90-A438-4FC4DB0A8792}" dt="2022-12-17T13:08:20.626" v="698" actId="1076"/>
          <ac:spMkLst>
            <pc:docMk/>
            <pc:sldMk cId="1333170057" sldId="294"/>
            <ac:spMk id="19" creationId="{E3573A87-19A5-0FC7-9324-AA41F6C20BE1}"/>
          </ac:spMkLst>
        </pc:spChg>
        <pc:spChg chg="add mod">
          <ac:chgData name="Emelie Westall Lundqvist" userId="S::s221956@dtu.dk::3a6c0c6b-4056-4919-93f8-4a249b28df98" providerId="AD" clId="Web-{280A5F62-A0B7-BC90-A438-4FC4DB0A8792}" dt="2022-12-17T13:08:04.376" v="693" actId="1076"/>
          <ac:spMkLst>
            <pc:docMk/>
            <pc:sldMk cId="1333170057" sldId="294"/>
            <ac:spMk id="24" creationId="{FE69AAC1-C4BA-4E80-C978-AE8846FDD692}"/>
          </ac:spMkLst>
        </pc:spChg>
        <pc:picChg chg="mod">
          <ac:chgData name="Emelie Westall Lundqvist" userId="S::s221956@dtu.dk::3a6c0c6b-4056-4919-93f8-4a249b28df98" providerId="AD" clId="Web-{280A5F62-A0B7-BC90-A438-4FC4DB0A8792}" dt="2022-12-17T12:59:10.007" v="361" actId="14100"/>
          <ac:picMkLst>
            <pc:docMk/>
            <pc:sldMk cId="1333170057" sldId="294"/>
            <ac:picMk id="11" creationId="{7B2CFD9F-0851-F436-A167-8D4F094A4ED6}"/>
          </ac:picMkLst>
        </pc:picChg>
        <pc:picChg chg="mod">
          <ac:chgData name="Emelie Westall Lundqvist" userId="S::s221956@dtu.dk::3a6c0c6b-4056-4919-93f8-4a249b28df98" providerId="AD" clId="Web-{280A5F62-A0B7-BC90-A438-4FC4DB0A8792}" dt="2022-12-17T13:08:21.298" v="699" actId="1076"/>
          <ac:picMkLst>
            <pc:docMk/>
            <pc:sldMk cId="1333170057" sldId="294"/>
            <ac:picMk id="12" creationId="{0114416B-D152-4A43-1771-D0B9A4C5217B}"/>
          </ac:picMkLst>
        </pc:picChg>
        <pc:picChg chg="add mod modCrop">
          <ac:chgData name="Emelie Westall Lundqvist" userId="S::s221956@dtu.dk::3a6c0c6b-4056-4919-93f8-4a249b28df98" providerId="AD" clId="Web-{280A5F62-A0B7-BC90-A438-4FC4DB0A8792}" dt="2022-12-17T13:09:41.112" v="706" actId="1076"/>
          <ac:picMkLst>
            <pc:docMk/>
            <pc:sldMk cId="1333170057" sldId="294"/>
            <ac:picMk id="33" creationId="{59FC1A32-1CB7-735F-BEEC-D0FB50B7B243}"/>
          </ac:picMkLst>
        </pc:picChg>
        <pc:picChg chg="mod">
          <ac:chgData name="Emelie Westall Lundqvist" userId="S::s221956@dtu.dk::3a6c0c6b-4056-4919-93f8-4a249b28df98" providerId="AD" clId="Web-{280A5F62-A0B7-BC90-A438-4FC4DB0A8792}" dt="2022-12-17T13:07:58.798" v="691" actId="14100"/>
          <ac:picMkLst>
            <pc:docMk/>
            <pc:sldMk cId="1333170057" sldId="294"/>
            <ac:picMk id="55" creationId="{9C56C23C-3CE8-4F94-1D7B-BE5FED16CE26}"/>
          </ac:picMkLst>
        </pc:picChg>
      </pc:sldChg>
      <pc:sldChg chg="addSp delSp modSp add del replId">
        <pc:chgData name="Emelie Westall Lundqvist" userId="S::s221956@dtu.dk::3a6c0c6b-4056-4919-93f8-4a249b28df98" providerId="AD" clId="Web-{280A5F62-A0B7-BC90-A438-4FC4DB0A8792}" dt="2022-12-17T13:14:06.212" v="821"/>
        <pc:sldMkLst>
          <pc:docMk/>
          <pc:sldMk cId="1054832795" sldId="295"/>
        </pc:sldMkLst>
        <pc:spChg chg="del">
          <ac:chgData name="Emelie Westall Lundqvist" userId="S::s221956@dtu.dk::3a6c0c6b-4056-4919-93f8-4a249b28df98" providerId="AD" clId="Web-{280A5F62-A0B7-BC90-A438-4FC4DB0A8792}" dt="2022-12-17T13:11:04.192" v="712"/>
          <ac:spMkLst>
            <pc:docMk/>
            <pc:sldMk cId="1054832795" sldId="295"/>
            <ac:spMk id="7" creationId="{73276299-C597-42C3-BB02-93935D7D068C}"/>
          </ac:spMkLst>
        </pc:spChg>
        <pc:spChg chg="mod">
          <ac:chgData name="Emelie Westall Lundqvist" userId="S::s221956@dtu.dk::3a6c0c6b-4056-4919-93f8-4a249b28df98" providerId="AD" clId="Web-{280A5F62-A0B7-BC90-A438-4FC4DB0A8792}" dt="2022-12-17T13:11:44.318" v="749" actId="14100"/>
          <ac:spMkLst>
            <pc:docMk/>
            <pc:sldMk cId="1054832795" sldId="295"/>
            <ac:spMk id="18" creationId="{75E76851-AA44-C507-027E-96A0A13F5782}"/>
          </ac:spMkLst>
        </pc:spChg>
        <pc:spChg chg="del">
          <ac:chgData name="Emelie Westall Lundqvist" userId="S::s221956@dtu.dk::3a6c0c6b-4056-4919-93f8-4a249b28df98" providerId="AD" clId="Web-{280A5F62-A0B7-BC90-A438-4FC4DB0A8792}" dt="2022-12-17T13:11:08.114" v="716"/>
          <ac:spMkLst>
            <pc:docMk/>
            <pc:sldMk cId="1054832795" sldId="295"/>
            <ac:spMk id="19" creationId="{E3573A87-19A5-0FC7-9324-AA41F6C20BE1}"/>
          </ac:spMkLst>
        </pc:spChg>
        <pc:spChg chg="add del mod">
          <ac:chgData name="Emelie Westall Lundqvist" userId="S::s221956@dtu.dk::3a6c0c6b-4056-4919-93f8-4a249b28df98" providerId="AD" clId="Web-{280A5F62-A0B7-BC90-A438-4FC4DB0A8792}" dt="2022-12-17T13:11:08.114" v="713"/>
          <ac:spMkLst>
            <pc:docMk/>
            <pc:sldMk cId="1054832795" sldId="295"/>
            <ac:spMk id="21" creationId="{F8063AD2-2F11-380F-633E-EF0105908DED}"/>
          </ac:spMkLst>
        </pc:spChg>
        <pc:spChg chg="del">
          <ac:chgData name="Emelie Westall Lundqvist" userId="S::s221956@dtu.dk::3a6c0c6b-4056-4919-93f8-4a249b28df98" providerId="AD" clId="Web-{280A5F62-A0B7-BC90-A438-4FC4DB0A8792}" dt="2022-12-17T13:11:08.114" v="715"/>
          <ac:spMkLst>
            <pc:docMk/>
            <pc:sldMk cId="1054832795" sldId="295"/>
            <ac:spMk id="24" creationId="{FE69AAC1-C4BA-4E80-C978-AE8846FDD692}"/>
          </ac:spMkLst>
        </pc:spChg>
        <pc:graphicFrameChg chg="del">
          <ac:chgData name="Emelie Westall Lundqvist" userId="S::s221956@dtu.dk::3a6c0c6b-4056-4919-93f8-4a249b28df98" providerId="AD" clId="Web-{280A5F62-A0B7-BC90-A438-4FC4DB0A8792}" dt="2022-12-17T13:10:59.473" v="710"/>
          <ac:graphicFrameMkLst>
            <pc:docMk/>
            <pc:sldMk cId="1054832795" sldId="295"/>
            <ac:graphicFrameMk id="5" creationId="{F32629CB-2216-5CD8-3997-79D2BAEAA5A1}"/>
          </ac:graphicFrameMkLst>
        </pc:graphicFrameChg>
        <pc:picChg chg="del">
          <ac:chgData name="Emelie Westall Lundqvist" userId="S::s221956@dtu.dk::3a6c0c6b-4056-4919-93f8-4a249b28df98" providerId="AD" clId="Web-{280A5F62-A0B7-BC90-A438-4FC4DB0A8792}" dt="2022-12-17T13:11:08.114" v="718"/>
          <ac:picMkLst>
            <pc:docMk/>
            <pc:sldMk cId="1054832795" sldId="295"/>
            <ac:picMk id="11" creationId="{7B2CFD9F-0851-F436-A167-8D4F094A4ED6}"/>
          </ac:picMkLst>
        </pc:picChg>
        <pc:picChg chg="del">
          <ac:chgData name="Emelie Westall Lundqvist" userId="S::s221956@dtu.dk::3a6c0c6b-4056-4919-93f8-4a249b28df98" providerId="AD" clId="Web-{280A5F62-A0B7-BC90-A438-4FC4DB0A8792}" dt="2022-12-17T13:11:08.114" v="717"/>
          <ac:picMkLst>
            <pc:docMk/>
            <pc:sldMk cId="1054832795" sldId="295"/>
            <ac:picMk id="12" creationId="{0114416B-D152-4A43-1771-D0B9A4C5217B}"/>
          </ac:picMkLst>
        </pc:picChg>
        <pc:picChg chg="del">
          <ac:chgData name="Emelie Westall Lundqvist" userId="S::s221956@dtu.dk::3a6c0c6b-4056-4919-93f8-4a249b28df98" providerId="AD" clId="Web-{280A5F62-A0B7-BC90-A438-4FC4DB0A8792}" dt="2022-12-17T13:11:08.114" v="714"/>
          <ac:picMkLst>
            <pc:docMk/>
            <pc:sldMk cId="1054832795" sldId="295"/>
            <ac:picMk id="33" creationId="{59FC1A32-1CB7-735F-BEEC-D0FB50B7B243}"/>
          </ac:picMkLst>
        </pc:picChg>
        <pc:picChg chg="del">
          <ac:chgData name="Emelie Westall Lundqvist" userId="S::s221956@dtu.dk::3a6c0c6b-4056-4919-93f8-4a249b28df98" providerId="AD" clId="Web-{280A5F62-A0B7-BC90-A438-4FC4DB0A8792}" dt="2022-12-17T13:11:02.270" v="711"/>
          <ac:picMkLst>
            <pc:docMk/>
            <pc:sldMk cId="1054832795" sldId="295"/>
            <ac:picMk id="55" creationId="{9C56C23C-3CE8-4F94-1D7B-BE5FED16CE26}"/>
          </ac:picMkLst>
        </pc:picChg>
      </pc:sldChg>
      <pc:sldChg chg="del">
        <pc:chgData name="Emelie Westall Lundqvist" userId="S::s221956@dtu.dk::3a6c0c6b-4056-4919-93f8-4a249b28df98" providerId="AD" clId="Web-{280A5F62-A0B7-BC90-A438-4FC4DB0A8792}" dt="2022-12-17T12:30:58.672" v="111"/>
        <pc:sldMkLst>
          <pc:docMk/>
          <pc:sldMk cId="2852552350" sldId="295"/>
        </pc:sldMkLst>
      </pc:sldChg>
      <pc:sldChg chg="new del">
        <pc:chgData name="Emelie Westall Lundqvist" userId="S::s221956@dtu.dk::3a6c0c6b-4056-4919-93f8-4a249b28df98" providerId="AD" clId="Web-{280A5F62-A0B7-BC90-A438-4FC4DB0A8792}" dt="2022-12-17T13:10:47.536" v="708"/>
        <pc:sldMkLst>
          <pc:docMk/>
          <pc:sldMk cId="3852589301" sldId="295"/>
        </pc:sldMkLst>
      </pc:sldChg>
    </pc:docChg>
  </pc:docChgLst>
  <pc:docChgLst>
    <pc:chgData name="Emelie Westall Lundqvist" userId="S::s221956@dtu.dk::3a6c0c6b-4056-4919-93f8-4a249b28df98" providerId="AD" clId="Web-{4B2D99CA-22C9-484E-B5AB-B74B773B6952}"/>
    <pc:docChg chg="modSld">
      <pc:chgData name="Emelie Westall Lundqvist" userId="S::s221956@dtu.dk::3a6c0c6b-4056-4919-93f8-4a249b28df98" providerId="AD" clId="Web-{4B2D99CA-22C9-484E-B5AB-B74B773B6952}" dt="2022-12-18T10:20:47.199" v="96" actId="1076"/>
      <pc:docMkLst>
        <pc:docMk/>
      </pc:docMkLst>
      <pc:sldChg chg="modSp">
        <pc:chgData name="Emelie Westall Lundqvist" userId="S::s221956@dtu.dk::3a6c0c6b-4056-4919-93f8-4a249b28df98" providerId="AD" clId="Web-{4B2D99CA-22C9-484E-B5AB-B74B773B6952}" dt="2022-12-18T10:20:47.199" v="96" actId="1076"/>
        <pc:sldMkLst>
          <pc:docMk/>
          <pc:sldMk cId="2705051400" sldId="288"/>
        </pc:sldMkLst>
        <pc:spChg chg="mod">
          <ac:chgData name="Emelie Westall Lundqvist" userId="S::s221956@dtu.dk::3a6c0c6b-4056-4919-93f8-4a249b28df98" providerId="AD" clId="Web-{4B2D99CA-22C9-484E-B5AB-B74B773B6952}" dt="2022-12-18T10:20:37.168" v="94" actId="1076"/>
          <ac:spMkLst>
            <pc:docMk/>
            <pc:sldMk cId="2705051400" sldId="288"/>
            <ac:spMk id="3" creationId="{05E819A1-97C4-731E-A2BC-D4383864CCD7}"/>
          </ac:spMkLst>
        </pc:spChg>
        <pc:spChg chg="mod">
          <ac:chgData name="Emelie Westall Lundqvist" userId="S::s221956@dtu.dk::3a6c0c6b-4056-4919-93f8-4a249b28df98" providerId="AD" clId="Web-{4B2D99CA-22C9-484E-B5AB-B74B773B6952}" dt="2022-12-18T10:20:28.855" v="93" actId="20577"/>
          <ac:spMkLst>
            <pc:docMk/>
            <pc:sldMk cId="2705051400" sldId="288"/>
            <ac:spMk id="9" creationId="{40EDAFF2-3077-7B6C-D278-92A7793B7068}"/>
          </ac:spMkLst>
        </pc:spChg>
        <pc:picChg chg="mod">
          <ac:chgData name="Emelie Westall Lundqvist" userId="S::s221956@dtu.dk::3a6c0c6b-4056-4919-93f8-4a249b28df98" providerId="AD" clId="Web-{4B2D99CA-22C9-484E-B5AB-B74B773B6952}" dt="2022-12-18T10:20:40.761" v="95" actId="1076"/>
          <ac:picMkLst>
            <pc:docMk/>
            <pc:sldMk cId="2705051400" sldId="288"/>
            <ac:picMk id="5" creationId="{694EBA7E-A005-83D4-823E-A7934E53B66A}"/>
          </ac:picMkLst>
        </pc:picChg>
        <pc:picChg chg="mod">
          <ac:chgData name="Emelie Westall Lundqvist" userId="S::s221956@dtu.dk::3a6c0c6b-4056-4919-93f8-4a249b28df98" providerId="AD" clId="Web-{4B2D99CA-22C9-484E-B5AB-B74B773B6952}" dt="2022-12-18T10:20:47.199" v="96" actId="1076"/>
          <ac:picMkLst>
            <pc:docMk/>
            <pc:sldMk cId="2705051400" sldId="288"/>
            <ac:picMk id="13" creationId="{3D38CB7F-1192-9E79-13CA-4FE03623499E}"/>
          </ac:picMkLst>
        </pc:picChg>
      </pc:sldChg>
    </pc:docChg>
  </pc:docChgLst>
  <pc:docChgLst>
    <pc:chgData name="Nikolas Vitaliti" userId="S::s223455@dtu.dk::8c720cfb-423e-41d2-902f-4cf486698773" providerId="AD" clId="Web-{F1290891-199A-4908-84F5-EB6E01F42939}"/>
    <pc:docChg chg="modSld">
      <pc:chgData name="Nikolas Vitaliti" userId="S::s223455@dtu.dk::8c720cfb-423e-41d2-902f-4cf486698773" providerId="AD" clId="Web-{F1290891-199A-4908-84F5-EB6E01F42939}" dt="2022-12-17T11:17:35.358" v="154" actId="1076"/>
      <pc:docMkLst>
        <pc:docMk/>
      </pc:docMkLst>
      <pc:sldChg chg="delSp modSp">
        <pc:chgData name="Nikolas Vitaliti" userId="S::s223455@dtu.dk::8c720cfb-423e-41d2-902f-4cf486698773" providerId="AD" clId="Web-{F1290891-199A-4908-84F5-EB6E01F42939}" dt="2022-12-17T11:13:10.728" v="141"/>
        <pc:sldMkLst>
          <pc:docMk/>
          <pc:sldMk cId="4263034455" sldId="290"/>
        </pc:sldMkLst>
        <pc:spChg chg="mod">
          <ac:chgData name="Nikolas Vitaliti" userId="S::s223455@dtu.dk::8c720cfb-423e-41d2-902f-4cf486698773" providerId="AD" clId="Web-{F1290891-199A-4908-84F5-EB6E01F42939}" dt="2022-12-17T11:12:59.759" v="140" actId="20577"/>
          <ac:spMkLst>
            <pc:docMk/>
            <pc:sldMk cId="4263034455" sldId="290"/>
            <ac:spMk id="9" creationId="{704D86F0-450B-535B-A51E-035678B14E5A}"/>
          </ac:spMkLst>
        </pc:spChg>
        <pc:spChg chg="mod">
          <ac:chgData name="Nikolas Vitaliti" userId="S::s223455@dtu.dk::8c720cfb-423e-41d2-902f-4cf486698773" providerId="AD" clId="Web-{F1290891-199A-4908-84F5-EB6E01F42939}" dt="2022-12-17T11:09:25.161" v="37" actId="1076"/>
          <ac:spMkLst>
            <pc:docMk/>
            <pc:sldMk cId="4263034455" sldId="290"/>
            <ac:spMk id="14" creationId="{6FEDBB0C-91E7-01CD-CC25-9BE7AF27CD33}"/>
          </ac:spMkLst>
        </pc:spChg>
        <pc:spChg chg="mod">
          <ac:chgData name="Nikolas Vitaliti" userId="S::s223455@dtu.dk::8c720cfb-423e-41d2-902f-4cf486698773" providerId="AD" clId="Web-{F1290891-199A-4908-84F5-EB6E01F42939}" dt="2022-12-17T11:09:25.176" v="38" actId="1076"/>
          <ac:spMkLst>
            <pc:docMk/>
            <pc:sldMk cId="4263034455" sldId="290"/>
            <ac:spMk id="15" creationId="{8B3670CD-68E8-0F95-04D4-13DAD8F7F95E}"/>
          </ac:spMkLst>
        </pc:spChg>
        <pc:spChg chg="mod">
          <ac:chgData name="Nikolas Vitaliti" userId="S::s223455@dtu.dk::8c720cfb-423e-41d2-902f-4cf486698773" providerId="AD" clId="Web-{F1290891-199A-4908-84F5-EB6E01F42939}" dt="2022-12-17T11:09:25.192" v="39" actId="1076"/>
          <ac:spMkLst>
            <pc:docMk/>
            <pc:sldMk cId="4263034455" sldId="290"/>
            <ac:spMk id="16" creationId="{C9C4A8D2-0986-473F-38CF-AB18B00CF7C6}"/>
          </ac:spMkLst>
        </pc:spChg>
        <pc:spChg chg="del mod">
          <ac:chgData name="Nikolas Vitaliti" userId="S::s223455@dtu.dk::8c720cfb-423e-41d2-902f-4cf486698773" providerId="AD" clId="Web-{F1290891-199A-4908-84F5-EB6E01F42939}" dt="2022-12-17T11:13:10.728" v="141"/>
          <ac:spMkLst>
            <pc:docMk/>
            <pc:sldMk cId="4263034455" sldId="290"/>
            <ac:spMk id="17" creationId="{5DE7FC5A-172E-5A46-4F92-3E25359B3F75}"/>
          </ac:spMkLst>
        </pc:spChg>
        <pc:cxnChg chg="mod">
          <ac:chgData name="Nikolas Vitaliti" userId="S::s223455@dtu.dk::8c720cfb-423e-41d2-902f-4cf486698773" providerId="AD" clId="Web-{F1290891-199A-4908-84F5-EB6E01F42939}" dt="2022-12-17T11:09:29.426" v="41" actId="1076"/>
          <ac:cxnSpMkLst>
            <pc:docMk/>
            <pc:sldMk cId="4263034455" sldId="290"/>
            <ac:cxnSpMk id="13" creationId="{F575A8B3-C36F-FD52-6E0C-1B4CA5DBBEE6}"/>
          </ac:cxnSpMkLst>
        </pc:cxnChg>
      </pc:sldChg>
      <pc:sldChg chg="addSp delSp modSp">
        <pc:chgData name="Nikolas Vitaliti" userId="S::s223455@dtu.dk::8c720cfb-423e-41d2-902f-4cf486698773" providerId="AD" clId="Web-{F1290891-199A-4908-84F5-EB6E01F42939}" dt="2022-12-17T11:17:35.358" v="154" actId="1076"/>
        <pc:sldMkLst>
          <pc:docMk/>
          <pc:sldMk cId="1333170057" sldId="294"/>
        </pc:sldMkLst>
        <pc:spChg chg="del">
          <ac:chgData name="Nikolas Vitaliti" userId="S::s223455@dtu.dk::8c720cfb-423e-41d2-902f-4cf486698773" providerId="AD" clId="Web-{F1290891-199A-4908-84F5-EB6E01F42939}" dt="2022-12-17T11:17:28.811" v="152"/>
          <ac:spMkLst>
            <pc:docMk/>
            <pc:sldMk cId="1333170057" sldId="294"/>
            <ac:spMk id="3" creationId="{09E38140-F237-E148-3DC4-650F9024F496}"/>
          </ac:spMkLst>
        </pc:spChg>
        <pc:picChg chg="del">
          <ac:chgData name="Nikolas Vitaliti" userId="S::s223455@dtu.dk::8c720cfb-423e-41d2-902f-4cf486698773" providerId="AD" clId="Web-{F1290891-199A-4908-84F5-EB6E01F42939}" dt="2022-12-17T11:17:27.655" v="151"/>
          <ac:picMkLst>
            <pc:docMk/>
            <pc:sldMk cId="1333170057" sldId="294"/>
            <ac:picMk id="6" creationId="{6079038C-33A8-E9CA-0FDB-A8C16060438C}"/>
          </ac:picMkLst>
        </pc:picChg>
        <pc:picChg chg="add mod ord">
          <ac:chgData name="Nikolas Vitaliti" userId="S::s223455@dtu.dk::8c720cfb-423e-41d2-902f-4cf486698773" providerId="AD" clId="Web-{F1290891-199A-4908-84F5-EB6E01F42939}" dt="2022-12-17T11:17:35.358" v="154" actId="1076"/>
          <ac:picMkLst>
            <pc:docMk/>
            <pc:sldMk cId="1333170057" sldId="294"/>
            <ac:picMk id="55" creationId="{9C56C23C-3CE8-4F94-1D7B-BE5FED16CE26}"/>
          </ac:picMkLst>
        </pc:picChg>
      </pc:sldChg>
      <pc:sldChg chg="addSp delSp modSp">
        <pc:chgData name="Nikolas Vitaliti" userId="S::s223455@dtu.dk::8c720cfb-423e-41d2-902f-4cf486698773" providerId="AD" clId="Web-{F1290891-199A-4908-84F5-EB6E01F42939}" dt="2022-12-17T11:16:27.419" v="150"/>
        <pc:sldMkLst>
          <pc:docMk/>
          <pc:sldMk cId="2852552350" sldId="295"/>
        </pc:sldMkLst>
        <pc:spChg chg="del">
          <ac:chgData name="Nikolas Vitaliti" userId="S::s223455@dtu.dk::8c720cfb-423e-41d2-902f-4cf486698773" providerId="AD" clId="Web-{F1290891-199A-4908-84F5-EB6E01F42939}" dt="2022-12-17T11:16:27.419" v="150"/>
          <ac:spMkLst>
            <pc:docMk/>
            <pc:sldMk cId="2852552350" sldId="295"/>
            <ac:spMk id="2" creationId="{2EB20DA0-ACBB-9F93-0476-01F2A6C2B7A3}"/>
          </ac:spMkLst>
        </pc:spChg>
        <pc:spChg chg="del">
          <ac:chgData name="Nikolas Vitaliti" userId="S::s223455@dtu.dk::8c720cfb-423e-41d2-902f-4cf486698773" providerId="AD" clId="Web-{F1290891-199A-4908-84F5-EB6E01F42939}" dt="2022-12-17T11:16:10.856" v="143"/>
          <ac:spMkLst>
            <pc:docMk/>
            <pc:sldMk cId="2852552350" sldId="295"/>
            <ac:spMk id="3" creationId="{756783B5-986D-F802-A0DF-AD405975568E}"/>
          </ac:spMkLst>
        </pc:spChg>
        <pc:spChg chg="mod">
          <ac:chgData name="Nikolas Vitaliti" userId="S::s223455@dtu.dk::8c720cfb-423e-41d2-902f-4cf486698773" providerId="AD" clId="Web-{F1290891-199A-4908-84F5-EB6E01F42939}" dt="2022-12-17T11:16:24.747" v="149" actId="1076"/>
          <ac:spMkLst>
            <pc:docMk/>
            <pc:sldMk cId="2852552350" sldId="295"/>
            <ac:spMk id="7" creationId="{D8982473-9B8E-CC0A-E696-B85F2262A0E2}"/>
          </ac:spMkLst>
        </pc:spChg>
        <pc:picChg chg="del">
          <ac:chgData name="Nikolas Vitaliti" userId="S::s223455@dtu.dk::8c720cfb-423e-41d2-902f-4cf486698773" providerId="AD" clId="Web-{F1290891-199A-4908-84F5-EB6E01F42939}" dt="2022-12-17T11:16:09.169" v="142"/>
          <ac:picMkLst>
            <pc:docMk/>
            <pc:sldMk cId="2852552350" sldId="295"/>
            <ac:picMk id="6" creationId="{8E6768AE-8894-4956-49B4-2953697639F7}"/>
          </ac:picMkLst>
        </pc:picChg>
        <pc:picChg chg="add mod ord">
          <ac:chgData name="Nikolas Vitaliti" userId="S::s223455@dtu.dk::8c720cfb-423e-41d2-902f-4cf486698773" providerId="AD" clId="Web-{F1290891-199A-4908-84F5-EB6E01F42939}" dt="2022-12-17T11:16:18.122" v="147" actId="1076"/>
          <ac:picMkLst>
            <pc:docMk/>
            <pc:sldMk cId="2852552350" sldId="295"/>
            <ac:picMk id="19" creationId="{6F601203-9B6A-D01F-0C9B-615639B59B90}"/>
          </ac:picMkLst>
        </pc:picChg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5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F16D31BA-3779-4A58-B18A-503AE747B0FB}" type="doc">
      <dgm:prSet loTypeId="urn:microsoft.com/office/officeart/2005/8/layout/hChevron3" loCatId="process" qsTypeId="urn:microsoft.com/office/officeart/2005/8/quickstyle/simple1" qsCatId="simple" csTypeId="urn:microsoft.com/office/officeart/2005/8/colors/accent1_2" csCatId="accent1" phldr="1"/>
      <dgm:spPr/>
    </dgm:pt>
    <dgm:pt modelId="{E95BDEEE-CE73-47C4-A39C-F8EB6E15E95F}">
      <dgm:prSet phldrT="[Text]"/>
      <dgm:spPr>
        <a:solidFill>
          <a:schemeClr val="accent1">
            <a:hueOff val="0"/>
            <a:satOff val="0"/>
            <a:lumOff val="0"/>
          </a:schemeClr>
        </a:solidFill>
      </dgm:spPr>
      <dgm:t>
        <a:bodyPr/>
        <a:lstStyle/>
        <a:p>
          <a:r>
            <a:rPr lang="it-IT"/>
            <a:t>Task1</a:t>
          </a:r>
          <a:endParaRPr lang="en-GB"/>
        </a:p>
      </dgm:t>
    </dgm:pt>
    <dgm:pt modelId="{EB504D15-85A9-49FC-8714-D17E5376E2CE}" type="parTrans" cxnId="{EF860FF7-B7F3-404B-9BEB-FD8BEC3F99C6}">
      <dgm:prSet/>
      <dgm:spPr/>
      <dgm:t>
        <a:bodyPr/>
        <a:lstStyle/>
        <a:p>
          <a:endParaRPr lang="en-GB"/>
        </a:p>
      </dgm:t>
    </dgm:pt>
    <dgm:pt modelId="{3F1FF42D-4D89-4D06-AC4C-FF6329BFB6AF}" type="sibTrans" cxnId="{EF860FF7-B7F3-404B-9BEB-FD8BEC3F99C6}">
      <dgm:prSet/>
      <dgm:spPr/>
      <dgm:t>
        <a:bodyPr/>
        <a:lstStyle/>
        <a:p>
          <a:endParaRPr lang="en-GB"/>
        </a:p>
      </dgm:t>
    </dgm:pt>
    <dgm:pt modelId="{AD9CDC3C-9F7B-48D6-923F-BF55D1368E9D}">
      <dgm:prSet phldrT="[Text]"/>
      <dgm:spPr>
        <a:solidFill>
          <a:schemeClr val="accent1">
            <a:hueOff val="0"/>
            <a:satOff val="0"/>
            <a:lumOff val="0"/>
            <a:alpha val="20000"/>
          </a:schemeClr>
        </a:solidFill>
      </dgm:spPr>
      <dgm:t>
        <a:bodyPr/>
        <a:lstStyle/>
        <a:p>
          <a:r>
            <a:rPr lang="it-IT"/>
            <a:t>Task 2</a:t>
          </a:r>
          <a:endParaRPr lang="en-GB"/>
        </a:p>
      </dgm:t>
    </dgm:pt>
    <dgm:pt modelId="{E139A262-9608-4CE6-AA2E-BB48F5A9C388}" type="parTrans" cxnId="{35F8B527-72D9-4ACD-BE56-03AC865CFD7C}">
      <dgm:prSet/>
      <dgm:spPr/>
      <dgm:t>
        <a:bodyPr/>
        <a:lstStyle/>
        <a:p>
          <a:endParaRPr lang="en-GB"/>
        </a:p>
      </dgm:t>
    </dgm:pt>
    <dgm:pt modelId="{118BC3A0-01C5-4A9E-82A2-80FF1102B2C2}" type="sibTrans" cxnId="{35F8B527-72D9-4ACD-BE56-03AC865CFD7C}">
      <dgm:prSet/>
      <dgm:spPr/>
      <dgm:t>
        <a:bodyPr/>
        <a:lstStyle/>
        <a:p>
          <a:endParaRPr lang="en-GB"/>
        </a:p>
      </dgm:t>
    </dgm:pt>
    <dgm:pt modelId="{69018EFF-544C-4FE9-BF40-EAD27A5584F4}">
      <dgm:prSet phldrT="[Text]"/>
      <dgm:spPr>
        <a:solidFill>
          <a:schemeClr val="accent1">
            <a:hueOff val="0"/>
            <a:satOff val="0"/>
            <a:lumOff val="0"/>
            <a:alpha val="31000"/>
          </a:schemeClr>
        </a:solidFill>
      </dgm:spPr>
      <dgm:t>
        <a:bodyPr/>
        <a:lstStyle/>
        <a:p>
          <a:r>
            <a:rPr lang="it-IT"/>
            <a:t>Task 3</a:t>
          </a:r>
          <a:endParaRPr lang="en-GB"/>
        </a:p>
      </dgm:t>
    </dgm:pt>
    <dgm:pt modelId="{9F7CE08D-A30D-4C88-80BC-4F072057FDAD}" type="parTrans" cxnId="{68176859-7D51-4D25-89D7-2AD1274E7939}">
      <dgm:prSet/>
      <dgm:spPr/>
      <dgm:t>
        <a:bodyPr/>
        <a:lstStyle/>
        <a:p>
          <a:endParaRPr lang="en-GB"/>
        </a:p>
      </dgm:t>
    </dgm:pt>
    <dgm:pt modelId="{8B6CE174-5E87-4692-BD48-E1EE1FD1740C}" type="sibTrans" cxnId="{68176859-7D51-4D25-89D7-2AD1274E7939}">
      <dgm:prSet/>
      <dgm:spPr/>
      <dgm:t>
        <a:bodyPr/>
        <a:lstStyle/>
        <a:p>
          <a:endParaRPr lang="en-GB"/>
        </a:p>
      </dgm:t>
    </dgm:pt>
    <dgm:pt modelId="{01B5FE23-332C-412B-8488-26C97464A509}" type="pres">
      <dgm:prSet presAssocID="{F16D31BA-3779-4A58-B18A-503AE747B0FB}" presName="Name0" presStyleCnt="0">
        <dgm:presLayoutVars>
          <dgm:dir/>
          <dgm:resizeHandles val="exact"/>
        </dgm:presLayoutVars>
      </dgm:prSet>
      <dgm:spPr/>
    </dgm:pt>
    <dgm:pt modelId="{4CE9BE25-BAD2-4A1E-80A9-DE18E921F819}" type="pres">
      <dgm:prSet presAssocID="{E95BDEEE-CE73-47C4-A39C-F8EB6E15E95F}" presName="parTxOnly" presStyleLbl="node1" presStyleIdx="0" presStyleCnt="3">
        <dgm:presLayoutVars>
          <dgm:bulletEnabled val="1"/>
        </dgm:presLayoutVars>
      </dgm:prSet>
      <dgm:spPr/>
    </dgm:pt>
    <dgm:pt modelId="{370E60EC-296B-4C27-8FB3-717DE57E855C}" type="pres">
      <dgm:prSet presAssocID="{3F1FF42D-4D89-4D06-AC4C-FF6329BFB6AF}" presName="parSpace" presStyleCnt="0"/>
      <dgm:spPr/>
    </dgm:pt>
    <dgm:pt modelId="{FDEA5597-6BB0-4630-AAF6-A7FB617A2E5D}" type="pres">
      <dgm:prSet presAssocID="{AD9CDC3C-9F7B-48D6-923F-BF55D1368E9D}" presName="parTxOnly" presStyleLbl="node1" presStyleIdx="1" presStyleCnt="3">
        <dgm:presLayoutVars>
          <dgm:bulletEnabled val="1"/>
        </dgm:presLayoutVars>
      </dgm:prSet>
      <dgm:spPr/>
    </dgm:pt>
    <dgm:pt modelId="{54EBAAE4-C9C8-4188-8723-58F91DB604D8}" type="pres">
      <dgm:prSet presAssocID="{118BC3A0-01C5-4A9E-82A2-80FF1102B2C2}" presName="parSpace" presStyleCnt="0"/>
      <dgm:spPr/>
    </dgm:pt>
    <dgm:pt modelId="{ADFE1963-5B67-4543-A537-D324DF673BF6}" type="pres">
      <dgm:prSet presAssocID="{69018EFF-544C-4FE9-BF40-EAD27A5584F4}" presName="parTxOnly" presStyleLbl="node1" presStyleIdx="2" presStyleCnt="3">
        <dgm:presLayoutVars>
          <dgm:bulletEnabled val="1"/>
        </dgm:presLayoutVars>
      </dgm:prSet>
      <dgm:spPr/>
    </dgm:pt>
  </dgm:ptLst>
  <dgm:cxnLst>
    <dgm:cxn modelId="{35F8B527-72D9-4ACD-BE56-03AC865CFD7C}" srcId="{F16D31BA-3779-4A58-B18A-503AE747B0FB}" destId="{AD9CDC3C-9F7B-48D6-923F-BF55D1368E9D}" srcOrd="1" destOrd="0" parTransId="{E139A262-9608-4CE6-AA2E-BB48F5A9C388}" sibTransId="{118BC3A0-01C5-4A9E-82A2-80FF1102B2C2}"/>
    <dgm:cxn modelId="{2D755A5F-26DF-4F54-8543-9BF2497E46CD}" type="presOf" srcId="{AD9CDC3C-9F7B-48D6-923F-BF55D1368E9D}" destId="{FDEA5597-6BB0-4630-AAF6-A7FB617A2E5D}" srcOrd="0" destOrd="0" presId="urn:microsoft.com/office/officeart/2005/8/layout/hChevron3"/>
    <dgm:cxn modelId="{B62C9369-B12B-4B78-9879-448A771644C9}" type="presOf" srcId="{E95BDEEE-CE73-47C4-A39C-F8EB6E15E95F}" destId="{4CE9BE25-BAD2-4A1E-80A9-DE18E921F819}" srcOrd="0" destOrd="0" presId="urn:microsoft.com/office/officeart/2005/8/layout/hChevron3"/>
    <dgm:cxn modelId="{AA6F2973-AC47-4FAD-887A-B97DAC91CA7E}" type="presOf" srcId="{69018EFF-544C-4FE9-BF40-EAD27A5584F4}" destId="{ADFE1963-5B67-4543-A537-D324DF673BF6}" srcOrd="0" destOrd="0" presId="urn:microsoft.com/office/officeart/2005/8/layout/hChevron3"/>
    <dgm:cxn modelId="{68176859-7D51-4D25-89D7-2AD1274E7939}" srcId="{F16D31BA-3779-4A58-B18A-503AE747B0FB}" destId="{69018EFF-544C-4FE9-BF40-EAD27A5584F4}" srcOrd="2" destOrd="0" parTransId="{9F7CE08D-A30D-4C88-80BC-4F072057FDAD}" sibTransId="{8B6CE174-5E87-4692-BD48-E1EE1FD1740C}"/>
    <dgm:cxn modelId="{C5602BD3-2380-40A8-BD8B-35FB9AA4ADD8}" type="presOf" srcId="{F16D31BA-3779-4A58-B18A-503AE747B0FB}" destId="{01B5FE23-332C-412B-8488-26C97464A509}" srcOrd="0" destOrd="0" presId="urn:microsoft.com/office/officeart/2005/8/layout/hChevron3"/>
    <dgm:cxn modelId="{EF860FF7-B7F3-404B-9BEB-FD8BEC3F99C6}" srcId="{F16D31BA-3779-4A58-B18A-503AE747B0FB}" destId="{E95BDEEE-CE73-47C4-A39C-F8EB6E15E95F}" srcOrd="0" destOrd="0" parTransId="{EB504D15-85A9-49FC-8714-D17E5376E2CE}" sibTransId="{3F1FF42D-4D89-4D06-AC4C-FF6329BFB6AF}"/>
    <dgm:cxn modelId="{FCDAD438-C6F1-476C-BA88-5EEFC344133B}" type="presParOf" srcId="{01B5FE23-332C-412B-8488-26C97464A509}" destId="{4CE9BE25-BAD2-4A1E-80A9-DE18E921F819}" srcOrd="0" destOrd="0" presId="urn:microsoft.com/office/officeart/2005/8/layout/hChevron3"/>
    <dgm:cxn modelId="{63A81FE0-2BF5-4338-BA14-BB28AB842DF2}" type="presParOf" srcId="{01B5FE23-332C-412B-8488-26C97464A509}" destId="{370E60EC-296B-4C27-8FB3-717DE57E855C}" srcOrd="1" destOrd="0" presId="urn:microsoft.com/office/officeart/2005/8/layout/hChevron3"/>
    <dgm:cxn modelId="{73E1F8F6-BD84-43AF-9011-BBCA23E44C64}" type="presParOf" srcId="{01B5FE23-332C-412B-8488-26C97464A509}" destId="{FDEA5597-6BB0-4630-AAF6-A7FB617A2E5D}" srcOrd="2" destOrd="0" presId="urn:microsoft.com/office/officeart/2005/8/layout/hChevron3"/>
    <dgm:cxn modelId="{AC621AF4-4B13-4658-B00D-90DF9996D906}" type="presParOf" srcId="{01B5FE23-332C-412B-8488-26C97464A509}" destId="{54EBAAE4-C9C8-4188-8723-58F91DB604D8}" srcOrd="3" destOrd="0" presId="urn:microsoft.com/office/officeart/2005/8/layout/hChevron3"/>
    <dgm:cxn modelId="{15A94053-2040-4E6F-878D-A368CDCB64D6}" type="presParOf" srcId="{01B5FE23-332C-412B-8488-26C97464A509}" destId="{ADFE1963-5B67-4543-A537-D324DF673BF6}" srcOrd="4" destOrd="0" presId="urn:microsoft.com/office/officeart/2005/8/layout/hChevron3"/>
  </dgm:cxnLst>
  <dgm:bg/>
  <dgm:whole/>
  <dgm:extLst>
    <a:ext uri="http://schemas.microsoft.com/office/drawing/2008/diagram">
      <dsp:dataModelExt xmlns:dsp="http://schemas.microsoft.com/office/drawing/2008/diagram" relId="rId11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F16D31BA-3779-4A58-B18A-503AE747B0FB}" type="doc">
      <dgm:prSet loTypeId="urn:microsoft.com/office/officeart/2005/8/layout/hChevron3" loCatId="process" qsTypeId="urn:microsoft.com/office/officeart/2005/8/quickstyle/simple1" qsCatId="simple" csTypeId="urn:microsoft.com/office/officeart/2005/8/colors/accent1_2" csCatId="accent1" phldr="1"/>
      <dgm:spPr/>
    </dgm:pt>
    <dgm:pt modelId="{E95BDEEE-CE73-47C4-A39C-F8EB6E15E95F}">
      <dgm:prSet phldrT="[Text]"/>
      <dgm:spPr>
        <a:solidFill>
          <a:schemeClr val="accent1">
            <a:hueOff val="0"/>
            <a:satOff val="0"/>
            <a:lumOff val="0"/>
            <a:alpha val="21000"/>
          </a:schemeClr>
        </a:solidFill>
      </dgm:spPr>
      <dgm:t>
        <a:bodyPr/>
        <a:lstStyle/>
        <a:p>
          <a:r>
            <a:rPr lang="it-IT"/>
            <a:t>Task1</a:t>
          </a:r>
          <a:endParaRPr lang="en-GB"/>
        </a:p>
      </dgm:t>
    </dgm:pt>
    <dgm:pt modelId="{EB504D15-85A9-49FC-8714-D17E5376E2CE}" type="parTrans" cxnId="{EF860FF7-B7F3-404B-9BEB-FD8BEC3F99C6}">
      <dgm:prSet/>
      <dgm:spPr/>
      <dgm:t>
        <a:bodyPr/>
        <a:lstStyle/>
        <a:p>
          <a:endParaRPr lang="en-GB"/>
        </a:p>
      </dgm:t>
    </dgm:pt>
    <dgm:pt modelId="{3F1FF42D-4D89-4D06-AC4C-FF6329BFB6AF}" type="sibTrans" cxnId="{EF860FF7-B7F3-404B-9BEB-FD8BEC3F99C6}">
      <dgm:prSet/>
      <dgm:spPr/>
      <dgm:t>
        <a:bodyPr/>
        <a:lstStyle/>
        <a:p>
          <a:endParaRPr lang="en-GB"/>
        </a:p>
      </dgm:t>
    </dgm:pt>
    <dgm:pt modelId="{AD9CDC3C-9F7B-48D6-923F-BF55D1368E9D}">
      <dgm:prSet phldrT="[Text]"/>
      <dgm:spPr>
        <a:solidFill>
          <a:schemeClr val="accent1">
            <a:hueOff val="0"/>
            <a:satOff val="0"/>
            <a:lumOff val="0"/>
            <a:alpha val="99000"/>
          </a:schemeClr>
        </a:solidFill>
      </dgm:spPr>
      <dgm:t>
        <a:bodyPr/>
        <a:lstStyle/>
        <a:p>
          <a:r>
            <a:rPr lang="it-IT"/>
            <a:t>Task 2</a:t>
          </a:r>
          <a:endParaRPr lang="en-GB"/>
        </a:p>
      </dgm:t>
    </dgm:pt>
    <dgm:pt modelId="{E139A262-9608-4CE6-AA2E-BB48F5A9C388}" type="parTrans" cxnId="{35F8B527-72D9-4ACD-BE56-03AC865CFD7C}">
      <dgm:prSet/>
      <dgm:spPr/>
      <dgm:t>
        <a:bodyPr/>
        <a:lstStyle/>
        <a:p>
          <a:endParaRPr lang="en-GB"/>
        </a:p>
      </dgm:t>
    </dgm:pt>
    <dgm:pt modelId="{118BC3A0-01C5-4A9E-82A2-80FF1102B2C2}" type="sibTrans" cxnId="{35F8B527-72D9-4ACD-BE56-03AC865CFD7C}">
      <dgm:prSet/>
      <dgm:spPr/>
      <dgm:t>
        <a:bodyPr/>
        <a:lstStyle/>
        <a:p>
          <a:endParaRPr lang="en-GB"/>
        </a:p>
      </dgm:t>
    </dgm:pt>
    <dgm:pt modelId="{69018EFF-544C-4FE9-BF40-EAD27A5584F4}">
      <dgm:prSet phldrT="[Text]"/>
      <dgm:spPr>
        <a:solidFill>
          <a:schemeClr val="accent1">
            <a:hueOff val="0"/>
            <a:satOff val="0"/>
            <a:lumOff val="0"/>
            <a:alpha val="31000"/>
          </a:schemeClr>
        </a:solidFill>
      </dgm:spPr>
      <dgm:t>
        <a:bodyPr/>
        <a:lstStyle/>
        <a:p>
          <a:r>
            <a:rPr lang="it-IT"/>
            <a:t>Task 3</a:t>
          </a:r>
          <a:endParaRPr lang="en-GB"/>
        </a:p>
      </dgm:t>
    </dgm:pt>
    <dgm:pt modelId="{9F7CE08D-A30D-4C88-80BC-4F072057FDAD}" type="parTrans" cxnId="{68176859-7D51-4D25-89D7-2AD1274E7939}">
      <dgm:prSet/>
      <dgm:spPr/>
      <dgm:t>
        <a:bodyPr/>
        <a:lstStyle/>
        <a:p>
          <a:endParaRPr lang="en-GB"/>
        </a:p>
      </dgm:t>
    </dgm:pt>
    <dgm:pt modelId="{8B6CE174-5E87-4692-BD48-E1EE1FD1740C}" type="sibTrans" cxnId="{68176859-7D51-4D25-89D7-2AD1274E7939}">
      <dgm:prSet/>
      <dgm:spPr/>
      <dgm:t>
        <a:bodyPr/>
        <a:lstStyle/>
        <a:p>
          <a:endParaRPr lang="en-GB"/>
        </a:p>
      </dgm:t>
    </dgm:pt>
    <dgm:pt modelId="{01B5FE23-332C-412B-8488-26C97464A509}" type="pres">
      <dgm:prSet presAssocID="{F16D31BA-3779-4A58-B18A-503AE747B0FB}" presName="Name0" presStyleCnt="0">
        <dgm:presLayoutVars>
          <dgm:dir/>
          <dgm:resizeHandles val="exact"/>
        </dgm:presLayoutVars>
      </dgm:prSet>
      <dgm:spPr/>
    </dgm:pt>
    <dgm:pt modelId="{4CE9BE25-BAD2-4A1E-80A9-DE18E921F819}" type="pres">
      <dgm:prSet presAssocID="{E95BDEEE-CE73-47C4-A39C-F8EB6E15E95F}" presName="parTxOnly" presStyleLbl="node1" presStyleIdx="0" presStyleCnt="3">
        <dgm:presLayoutVars>
          <dgm:bulletEnabled val="1"/>
        </dgm:presLayoutVars>
      </dgm:prSet>
      <dgm:spPr/>
    </dgm:pt>
    <dgm:pt modelId="{370E60EC-296B-4C27-8FB3-717DE57E855C}" type="pres">
      <dgm:prSet presAssocID="{3F1FF42D-4D89-4D06-AC4C-FF6329BFB6AF}" presName="parSpace" presStyleCnt="0"/>
      <dgm:spPr/>
    </dgm:pt>
    <dgm:pt modelId="{FDEA5597-6BB0-4630-AAF6-A7FB617A2E5D}" type="pres">
      <dgm:prSet presAssocID="{AD9CDC3C-9F7B-48D6-923F-BF55D1368E9D}" presName="parTxOnly" presStyleLbl="node1" presStyleIdx="1" presStyleCnt="3">
        <dgm:presLayoutVars>
          <dgm:bulletEnabled val="1"/>
        </dgm:presLayoutVars>
      </dgm:prSet>
      <dgm:spPr/>
    </dgm:pt>
    <dgm:pt modelId="{54EBAAE4-C9C8-4188-8723-58F91DB604D8}" type="pres">
      <dgm:prSet presAssocID="{118BC3A0-01C5-4A9E-82A2-80FF1102B2C2}" presName="parSpace" presStyleCnt="0"/>
      <dgm:spPr/>
    </dgm:pt>
    <dgm:pt modelId="{ADFE1963-5B67-4543-A537-D324DF673BF6}" type="pres">
      <dgm:prSet presAssocID="{69018EFF-544C-4FE9-BF40-EAD27A5584F4}" presName="parTxOnly" presStyleLbl="node1" presStyleIdx="2" presStyleCnt="3">
        <dgm:presLayoutVars>
          <dgm:bulletEnabled val="1"/>
        </dgm:presLayoutVars>
      </dgm:prSet>
      <dgm:spPr/>
    </dgm:pt>
  </dgm:ptLst>
  <dgm:cxnLst>
    <dgm:cxn modelId="{35F8B527-72D9-4ACD-BE56-03AC865CFD7C}" srcId="{F16D31BA-3779-4A58-B18A-503AE747B0FB}" destId="{AD9CDC3C-9F7B-48D6-923F-BF55D1368E9D}" srcOrd="1" destOrd="0" parTransId="{E139A262-9608-4CE6-AA2E-BB48F5A9C388}" sibTransId="{118BC3A0-01C5-4A9E-82A2-80FF1102B2C2}"/>
    <dgm:cxn modelId="{2D755A5F-26DF-4F54-8543-9BF2497E46CD}" type="presOf" srcId="{AD9CDC3C-9F7B-48D6-923F-BF55D1368E9D}" destId="{FDEA5597-6BB0-4630-AAF6-A7FB617A2E5D}" srcOrd="0" destOrd="0" presId="urn:microsoft.com/office/officeart/2005/8/layout/hChevron3"/>
    <dgm:cxn modelId="{B62C9369-B12B-4B78-9879-448A771644C9}" type="presOf" srcId="{E95BDEEE-CE73-47C4-A39C-F8EB6E15E95F}" destId="{4CE9BE25-BAD2-4A1E-80A9-DE18E921F819}" srcOrd="0" destOrd="0" presId="urn:microsoft.com/office/officeart/2005/8/layout/hChevron3"/>
    <dgm:cxn modelId="{AA6F2973-AC47-4FAD-887A-B97DAC91CA7E}" type="presOf" srcId="{69018EFF-544C-4FE9-BF40-EAD27A5584F4}" destId="{ADFE1963-5B67-4543-A537-D324DF673BF6}" srcOrd="0" destOrd="0" presId="urn:microsoft.com/office/officeart/2005/8/layout/hChevron3"/>
    <dgm:cxn modelId="{68176859-7D51-4D25-89D7-2AD1274E7939}" srcId="{F16D31BA-3779-4A58-B18A-503AE747B0FB}" destId="{69018EFF-544C-4FE9-BF40-EAD27A5584F4}" srcOrd="2" destOrd="0" parTransId="{9F7CE08D-A30D-4C88-80BC-4F072057FDAD}" sibTransId="{8B6CE174-5E87-4692-BD48-E1EE1FD1740C}"/>
    <dgm:cxn modelId="{C5602BD3-2380-40A8-BD8B-35FB9AA4ADD8}" type="presOf" srcId="{F16D31BA-3779-4A58-B18A-503AE747B0FB}" destId="{01B5FE23-332C-412B-8488-26C97464A509}" srcOrd="0" destOrd="0" presId="urn:microsoft.com/office/officeart/2005/8/layout/hChevron3"/>
    <dgm:cxn modelId="{EF860FF7-B7F3-404B-9BEB-FD8BEC3F99C6}" srcId="{F16D31BA-3779-4A58-B18A-503AE747B0FB}" destId="{E95BDEEE-CE73-47C4-A39C-F8EB6E15E95F}" srcOrd="0" destOrd="0" parTransId="{EB504D15-85A9-49FC-8714-D17E5376E2CE}" sibTransId="{3F1FF42D-4D89-4D06-AC4C-FF6329BFB6AF}"/>
    <dgm:cxn modelId="{FCDAD438-C6F1-476C-BA88-5EEFC344133B}" type="presParOf" srcId="{01B5FE23-332C-412B-8488-26C97464A509}" destId="{4CE9BE25-BAD2-4A1E-80A9-DE18E921F819}" srcOrd="0" destOrd="0" presId="urn:microsoft.com/office/officeart/2005/8/layout/hChevron3"/>
    <dgm:cxn modelId="{63A81FE0-2BF5-4338-BA14-BB28AB842DF2}" type="presParOf" srcId="{01B5FE23-332C-412B-8488-26C97464A509}" destId="{370E60EC-296B-4C27-8FB3-717DE57E855C}" srcOrd="1" destOrd="0" presId="urn:microsoft.com/office/officeart/2005/8/layout/hChevron3"/>
    <dgm:cxn modelId="{73E1F8F6-BD84-43AF-9011-BBCA23E44C64}" type="presParOf" srcId="{01B5FE23-332C-412B-8488-26C97464A509}" destId="{FDEA5597-6BB0-4630-AAF6-A7FB617A2E5D}" srcOrd="2" destOrd="0" presId="urn:microsoft.com/office/officeart/2005/8/layout/hChevron3"/>
    <dgm:cxn modelId="{AC621AF4-4B13-4658-B00D-90DF9996D906}" type="presParOf" srcId="{01B5FE23-332C-412B-8488-26C97464A509}" destId="{54EBAAE4-C9C8-4188-8723-58F91DB604D8}" srcOrd="3" destOrd="0" presId="urn:microsoft.com/office/officeart/2005/8/layout/hChevron3"/>
    <dgm:cxn modelId="{15A94053-2040-4E6F-878D-A368CDCB64D6}" type="presParOf" srcId="{01B5FE23-332C-412B-8488-26C97464A509}" destId="{ADFE1963-5B67-4543-A537-D324DF673BF6}" srcOrd="4" destOrd="0" presId="urn:microsoft.com/office/officeart/2005/8/layout/hChevron3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F16D31BA-3779-4A58-B18A-503AE747B0FB}" type="doc">
      <dgm:prSet loTypeId="urn:microsoft.com/office/officeart/2005/8/layout/hChevron3" loCatId="process" qsTypeId="urn:microsoft.com/office/officeart/2005/8/quickstyle/simple1" qsCatId="simple" csTypeId="urn:microsoft.com/office/officeart/2005/8/colors/accent1_2" csCatId="accent1" phldr="1"/>
      <dgm:spPr/>
    </dgm:pt>
    <dgm:pt modelId="{E95BDEEE-CE73-47C4-A39C-F8EB6E15E95F}">
      <dgm:prSet phldrT="[Text]"/>
      <dgm:spPr>
        <a:solidFill>
          <a:schemeClr val="accent1">
            <a:hueOff val="0"/>
            <a:satOff val="0"/>
            <a:lumOff val="0"/>
            <a:alpha val="21000"/>
          </a:schemeClr>
        </a:solidFill>
      </dgm:spPr>
      <dgm:t>
        <a:bodyPr/>
        <a:lstStyle/>
        <a:p>
          <a:r>
            <a:rPr lang="it-IT"/>
            <a:t>Task1</a:t>
          </a:r>
          <a:endParaRPr lang="en-GB"/>
        </a:p>
      </dgm:t>
    </dgm:pt>
    <dgm:pt modelId="{EB504D15-85A9-49FC-8714-D17E5376E2CE}" type="parTrans" cxnId="{EF860FF7-B7F3-404B-9BEB-FD8BEC3F99C6}">
      <dgm:prSet/>
      <dgm:spPr/>
      <dgm:t>
        <a:bodyPr/>
        <a:lstStyle/>
        <a:p>
          <a:endParaRPr lang="en-GB"/>
        </a:p>
      </dgm:t>
    </dgm:pt>
    <dgm:pt modelId="{3F1FF42D-4D89-4D06-AC4C-FF6329BFB6AF}" type="sibTrans" cxnId="{EF860FF7-B7F3-404B-9BEB-FD8BEC3F99C6}">
      <dgm:prSet/>
      <dgm:spPr/>
      <dgm:t>
        <a:bodyPr/>
        <a:lstStyle/>
        <a:p>
          <a:endParaRPr lang="en-GB"/>
        </a:p>
      </dgm:t>
    </dgm:pt>
    <dgm:pt modelId="{AD9CDC3C-9F7B-48D6-923F-BF55D1368E9D}">
      <dgm:prSet phldrT="[Text]"/>
      <dgm:spPr>
        <a:solidFill>
          <a:schemeClr val="accent1">
            <a:hueOff val="0"/>
            <a:satOff val="0"/>
            <a:lumOff val="0"/>
            <a:alpha val="99000"/>
          </a:schemeClr>
        </a:solidFill>
      </dgm:spPr>
      <dgm:t>
        <a:bodyPr/>
        <a:lstStyle/>
        <a:p>
          <a:r>
            <a:rPr lang="it-IT"/>
            <a:t>Task 2</a:t>
          </a:r>
          <a:endParaRPr lang="en-GB"/>
        </a:p>
      </dgm:t>
    </dgm:pt>
    <dgm:pt modelId="{E139A262-9608-4CE6-AA2E-BB48F5A9C388}" type="parTrans" cxnId="{35F8B527-72D9-4ACD-BE56-03AC865CFD7C}">
      <dgm:prSet/>
      <dgm:spPr/>
      <dgm:t>
        <a:bodyPr/>
        <a:lstStyle/>
        <a:p>
          <a:endParaRPr lang="en-GB"/>
        </a:p>
      </dgm:t>
    </dgm:pt>
    <dgm:pt modelId="{118BC3A0-01C5-4A9E-82A2-80FF1102B2C2}" type="sibTrans" cxnId="{35F8B527-72D9-4ACD-BE56-03AC865CFD7C}">
      <dgm:prSet/>
      <dgm:spPr/>
      <dgm:t>
        <a:bodyPr/>
        <a:lstStyle/>
        <a:p>
          <a:endParaRPr lang="en-GB"/>
        </a:p>
      </dgm:t>
    </dgm:pt>
    <dgm:pt modelId="{69018EFF-544C-4FE9-BF40-EAD27A5584F4}">
      <dgm:prSet phldrT="[Text]"/>
      <dgm:spPr>
        <a:solidFill>
          <a:schemeClr val="accent1">
            <a:hueOff val="0"/>
            <a:satOff val="0"/>
            <a:lumOff val="0"/>
            <a:alpha val="31000"/>
          </a:schemeClr>
        </a:solidFill>
      </dgm:spPr>
      <dgm:t>
        <a:bodyPr/>
        <a:lstStyle/>
        <a:p>
          <a:r>
            <a:rPr lang="it-IT"/>
            <a:t>Task 3</a:t>
          </a:r>
          <a:endParaRPr lang="en-GB"/>
        </a:p>
      </dgm:t>
    </dgm:pt>
    <dgm:pt modelId="{9F7CE08D-A30D-4C88-80BC-4F072057FDAD}" type="parTrans" cxnId="{68176859-7D51-4D25-89D7-2AD1274E7939}">
      <dgm:prSet/>
      <dgm:spPr/>
      <dgm:t>
        <a:bodyPr/>
        <a:lstStyle/>
        <a:p>
          <a:endParaRPr lang="en-GB"/>
        </a:p>
      </dgm:t>
    </dgm:pt>
    <dgm:pt modelId="{8B6CE174-5E87-4692-BD48-E1EE1FD1740C}" type="sibTrans" cxnId="{68176859-7D51-4D25-89D7-2AD1274E7939}">
      <dgm:prSet/>
      <dgm:spPr/>
      <dgm:t>
        <a:bodyPr/>
        <a:lstStyle/>
        <a:p>
          <a:endParaRPr lang="en-GB"/>
        </a:p>
      </dgm:t>
    </dgm:pt>
    <dgm:pt modelId="{01B5FE23-332C-412B-8488-26C97464A509}" type="pres">
      <dgm:prSet presAssocID="{F16D31BA-3779-4A58-B18A-503AE747B0FB}" presName="Name0" presStyleCnt="0">
        <dgm:presLayoutVars>
          <dgm:dir/>
          <dgm:resizeHandles val="exact"/>
        </dgm:presLayoutVars>
      </dgm:prSet>
      <dgm:spPr/>
    </dgm:pt>
    <dgm:pt modelId="{4CE9BE25-BAD2-4A1E-80A9-DE18E921F819}" type="pres">
      <dgm:prSet presAssocID="{E95BDEEE-CE73-47C4-A39C-F8EB6E15E95F}" presName="parTxOnly" presStyleLbl="node1" presStyleIdx="0" presStyleCnt="3">
        <dgm:presLayoutVars>
          <dgm:bulletEnabled val="1"/>
        </dgm:presLayoutVars>
      </dgm:prSet>
      <dgm:spPr/>
    </dgm:pt>
    <dgm:pt modelId="{370E60EC-296B-4C27-8FB3-717DE57E855C}" type="pres">
      <dgm:prSet presAssocID="{3F1FF42D-4D89-4D06-AC4C-FF6329BFB6AF}" presName="parSpace" presStyleCnt="0"/>
      <dgm:spPr/>
    </dgm:pt>
    <dgm:pt modelId="{FDEA5597-6BB0-4630-AAF6-A7FB617A2E5D}" type="pres">
      <dgm:prSet presAssocID="{AD9CDC3C-9F7B-48D6-923F-BF55D1368E9D}" presName="parTxOnly" presStyleLbl="node1" presStyleIdx="1" presStyleCnt="3">
        <dgm:presLayoutVars>
          <dgm:bulletEnabled val="1"/>
        </dgm:presLayoutVars>
      </dgm:prSet>
      <dgm:spPr/>
    </dgm:pt>
    <dgm:pt modelId="{54EBAAE4-C9C8-4188-8723-58F91DB604D8}" type="pres">
      <dgm:prSet presAssocID="{118BC3A0-01C5-4A9E-82A2-80FF1102B2C2}" presName="parSpace" presStyleCnt="0"/>
      <dgm:spPr/>
    </dgm:pt>
    <dgm:pt modelId="{ADFE1963-5B67-4543-A537-D324DF673BF6}" type="pres">
      <dgm:prSet presAssocID="{69018EFF-544C-4FE9-BF40-EAD27A5584F4}" presName="parTxOnly" presStyleLbl="node1" presStyleIdx="2" presStyleCnt="3">
        <dgm:presLayoutVars>
          <dgm:bulletEnabled val="1"/>
        </dgm:presLayoutVars>
      </dgm:prSet>
      <dgm:spPr/>
    </dgm:pt>
  </dgm:ptLst>
  <dgm:cxnLst>
    <dgm:cxn modelId="{35F8B527-72D9-4ACD-BE56-03AC865CFD7C}" srcId="{F16D31BA-3779-4A58-B18A-503AE747B0FB}" destId="{AD9CDC3C-9F7B-48D6-923F-BF55D1368E9D}" srcOrd="1" destOrd="0" parTransId="{E139A262-9608-4CE6-AA2E-BB48F5A9C388}" sibTransId="{118BC3A0-01C5-4A9E-82A2-80FF1102B2C2}"/>
    <dgm:cxn modelId="{2D755A5F-26DF-4F54-8543-9BF2497E46CD}" type="presOf" srcId="{AD9CDC3C-9F7B-48D6-923F-BF55D1368E9D}" destId="{FDEA5597-6BB0-4630-AAF6-A7FB617A2E5D}" srcOrd="0" destOrd="0" presId="urn:microsoft.com/office/officeart/2005/8/layout/hChevron3"/>
    <dgm:cxn modelId="{B62C9369-B12B-4B78-9879-448A771644C9}" type="presOf" srcId="{E95BDEEE-CE73-47C4-A39C-F8EB6E15E95F}" destId="{4CE9BE25-BAD2-4A1E-80A9-DE18E921F819}" srcOrd="0" destOrd="0" presId="urn:microsoft.com/office/officeart/2005/8/layout/hChevron3"/>
    <dgm:cxn modelId="{AA6F2973-AC47-4FAD-887A-B97DAC91CA7E}" type="presOf" srcId="{69018EFF-544C-4FE9-BF40-EAD27A5584F4}" destId="{ADFE1963-5B67-4543-A537-D324DF673BF6}" srcOrd="0" destOrd="0" presId="urn:microsoft.com/office/officeart/2005/8/layout/hChevron3"/>
    <dgm:cxn modelId="{68176859-7D51-4D25-89D7-2AD1274E7939}" srcId="{F16D31BA-3779-4A58-B18A-503AE747B0FB}" destId="{69018EFF-544C-4FE9-BF40-EAD27A5584F4}" srcOrd="2" destOrd="0" parTransId="{9F7CE08D-A30D-4C88-80BC-4F072057FDAD}" sibTransId="{8B6CE174-5E87-4692-BD48-E1EE1FD1740C}"/>
    <dgm:cxn modelId="{C5602BD3-2380-40A8-BD8B-35FB9AA4ADD8}" type="presOf" srcId="{F16D31BA-3779-4A58-B18A-503AE747B0FB}" destId="{01B5FE23-332C-412B-8488-26C97464A509}" srcOrd="0" destOrd="0" presId="urn:microsoft.com/office/officeart/2005/8/layout/hChevron3"/>
    <dgm:cxn modelId="{EF860FF7-B7F3-404B-9BEB-FD8BEC3F99C6}" srcId="{F16D31BA-3779-4A58-B18A-503AE747B0FB}" destId="{E95BDEEE-CE73-47C4-A39C-F8EB6E15E95F}" srcOrd="0" destOrd="0" parTransId="{EB504D15-85A9-49FC-8714-D17E5376E2CE}" sibTransId="{3F1FF42D-4D89-4D06-AC4C-FF6329BFB6AF}"/>
    <dgm:cxn modelId="{FCDAD438-C6F1-476C-BA88-5EEFC344133B}" type="presParOf" srcId="{01B5FE23-332C-412B-8488-26C97464A509}" destId="{4CE9BE25-BAD2-4A1E-80A9-DE18E921F819}" srcOrd="0" destOrd="0" presId="urn:microsoft.com/office/officeart/2005/8/layout/hChevron3"/>
    <dgm:cxn modelId="{63A81FE0-2BF5-4338-BA14-BB28AB842DF2}" type="presParOf" srcId="{01B5FE23-332C-412B-8488-26C97464A509}" destId="{370E60EC-296B-4C27-8FB3-717DE57E855C}" srcOrd="1" destOrd="0" presId="urn:microsoft.com/office/officeart/2005/8/layout/hChevron3"/>
    <dgm:cxn modelId="{73E1F8F6-BD84-43AF-9011-BBCA23E44C64}" type="presParOf" srcId="{01B5FE23-332C-412B-8488-26C97464A509}" destId="{FDEA5597-6BB0-4630-AAF6-A7FB617A2E5D}" srcOrd="2" destOrd="0" presId="urn:microsoft.com/office/officeart/2005/8/layout/hChevron3"/>
    <dgm:cxn modelId="{AC621AF4-4B13-4658-B00D-90DF9996D906}" type="presParOf" srcId="{01B5FE23-332C-412B-8488-26C97464A509}" destId="{54EBAAE4-C9C8-4188-8723-58F91DB604D8}" srcOrd="3" destOrd="0" presId="urn:microsoft.com/office/officeart/2005/8/layout/hChevron3"/>
    <dgm:cxn modelId="{15A94053-2040-4E6F-878D-A368CDCB64D6}" type="presParOf" srcId="{01B5FE23-332C-412B-8488-26C97464A509}" destId="{ADFE1963-5B67-4543-A537-D324DF673BF6}" srcOrd="4" destOrd="0" presId="urn:microsoft.com/office/officeart/2005/8/layout/hChevron3"/>
  </dgm:cxnLst>
  <dgm:bg/>
  <dgm:whole/>
  <dgm:extLst>
    <a:ext uri="http://schemas.microsoft.com/office/drawing/2008/diagram">
      <dsp:dataModelExt xmlns:dsp="http://schemas.microsoft.com/office/drawing/2008/diagram" relId="rId13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F16D31BA-3779-4A58-B18A-503AE747B0FB}" type="doc">
      <dgm:prSet loTypeId="urn:microsoft.com/office/officeart/2005/8/layout/hChevron3" loCatId="process" qsTypeId="urn:microsoft.com/office/officeart/2005/8/quickstyle/simple1" qsCatId="simple" csTypeId="urn:microsoft.com/office/officeart/2005/8/colors/accent1_2" csCatId="accent1" phldr="1"/>
      <dgm:spPr/>
    </dgm:pt>
    <dgm:pt modelId="{E95BDEEE-CE73-47C4-A39C-F8EB6E15E95F}">
      <dgm:prSet phldrT="[Text]"/>
      <dgm:spPr>
        <a:solidFill>
          <a:schemeClr val="accent1">
            <a:hueOff val="0"/>
            <a:satOff val="0"/>
            <a:lumOff val="0"/>
            <a:alpha val="21000"/>
          </a:schemeClr>
        </a:solidFill>
      </dgm:spPr>
      <dgm:t>
        <a:bodyPr/>
        <a:lstStyle/>
        <a:p>
          <a:r>
            <a:rPr lang="it-IT"/>
            <a:t>Task1</a:t>
          </a:r>
          <a:endParaRPr lang="en-GB"/>
        </a:p>
      </dgm:t>
    </dgm:pt>
    <dgm:pt modelId="{EB504D15-85A9-49FC-8714-D17E5376E2CE}" type="parTrans" cxnId="{EF860FF7-B7F3-404B-9BEB-FD8BEC3F99C6}">
      <dgm:prSet/>
      <dgm:spPr/>
      <dgm:t>
        <a:bodyPr/>
        <a:lstStyle/>
        <a:p>
          <a:endParaRPr lang="en-GB"/>
        </a:p>
      </dgm:t>
    </dgm:pt>
    <dgm:pt modelId="{3F1FF42D-4D89-4D06-AC4C-FF6329BFB6AF}" type="sibTrans" cxnId="{EF860FF7-B7F3-404B-9BEB-FD8BEC3F99C6}">
      <dgm:prSet/>
      <dgm:spPr/>
      <dgm:t>
        <a:bodyPr/>
        <a:lstStyle/>
        <a:p>
          <a:endParaRPr lang="en-GB"/>
        </a:p>
      </dgm:t>
    </dgm:pt>
    <dgm:pt modelId="{AD9CDC3C-9F7B-48D6-923F-BF55D1368E9D}">
      <dgm:prSet phldrT="[Text]"/>
      <dgm:spPr>
        <a:solidFill>
          <a:schemeClr val="accent1">
            <a:hueOff val="0"/>
            <a:satOff val="0"/>
            <a:lumOff val="0"/>
            <a:alpha val="39000"/>
          </a:schemeClr>
        </a:solidFill>
      </dgm:spPr>
      <dgm:t>
        <a:bodyPr/>
        <a:lstStyle/>
        <a:p>
          <a:r>
            <a:rPr lang="it-IT"/>
            <a:t>Task 2</a:t>
          </a:r>
          <a:endParaRPr lang="en-GB"/>
        </a:p>
      </dgm:t>
    </dgm:pt>
    <dgm:pt modelId="{E139A262-9608-4CE6-AA2E-BB48F5A9C388}" type="parTrans" cxnId="{35F8B527-72D9-4ACD-BE56-03AC865CFD7C}">
      <dgm:prSet/>
      <dgm:spPr/>
      <dgm:t>
        <a:bodyPr/>
        <a:lstStyle/>
        <a:p>
          <a:endParaRPr lang="en-GB"/>
        </a:p>
      </dgm:t>
    </dgm:pt>
    <dgm:pt modelId="{118BC3A0-01C5-4A9E-82A2-80FF1102B2C2}" type="sibTrans" cxnId="{35F8B527-72D9-4ACD-BE56-03AC865CFD7C}">
      <dgm:prSet/>
      <dgm:spPr/>
      <dgm:t>
        <a:bodyPr/>
        <a:lstStyle/>
        <a:p>
          <a:endParaRPr lang="en-GB"/>
        </a:p>
      </dgm:t>
    </dgm:pt>
    <dgm:pt modelId="{69018EFF-544C-4FE9-BF40-EAD27A5584F4}">
      <dgm:prSet phldrT="[Text]"/>
      <dgm:spPr>
        <a:solidFill>
          <a:schemeClr val="accent1">
            <a:hueOff val="0"/>
            <a:satOff val="0"/>
            <a:lumOff val="0"/>
          </a:schemeClr>
        </a:solidFill>
      </dgm:spPr>
      <dgm:t>
        <a:bodyPr/>
        <a:lstStyle/>
        <a:p>
          <a:r>
            <a:rPr lang="it-IT"/>
            <a:t>Task 3</a:t>
          </a:r>
          <a:endParaRPr lang="en-GB"/>
        </a:p>
      </dgm:t>
    </dgm:pt>
    <dgm:pt modelId="{9F7CE08D-A30D-4C88-80BC-4F072057FDAD}" type="parTrans" cxnId="{68176859-7D51-4D25-89D7-2AD1274E7939}">
      <dgm:prSet/>
      <dgm:spPr/>
      <dgm:t>
        <a:bodyPr/>
        <a:lstStyle/>
        <a:p>
          <a:endParaRPr lang="en-GB"/>
        </a:p>
      </dgm:t>
    </dgm:pt>
    <dgm:pt modelId="{8B6CE174-5E87-4692-BD48-E1EE1FD1740C}" type="sibTrans" cxnId="{68176859-7D51-4D25-89D7-2AD1274E7939}">
      <dgm:prSet/>
      <dgm:spPr/>
      <dgm:t>
        <a:bodyPr/>
        <a:lstStyle/>
        <a:p>
          <a:endParaRPr lang="en-GB"/>
        </a:p>
      </dgm:t>
    </dgm:pt>
    <dgm:pt modelId="{01B5FE23-332C-412B-8488-26C97464A509}" type="pres">
      <dgm:prSet presAssocID="{F16D31BA-3779-4A58-B18A-503AE747B0FB}" presName="Name0" presStyleCnt="0">
        <dgm:presLayoutVars>
          <dgm:dir/>
          <dgm:resizeHandles val="exact"/>
        </dgm:presLayoutVars>
      </dgm:prSet>
      <dgm:spPr/>
    </dgm:pt>
    <dgm:pt modelId="{4CE9BE25-BAD2-4A1E-80A9-DE18E921F819}" type="pres">
      <dgm:prSet presAssocID="{E95BDEEE-CE73-47C4-A39C-F8EB6E15E95F}" presName="parTxOnly" presStyleLbl="node1" presStyleIdx="0" presStyleCnt="3">
        <dgm:presLayoutVars>
          <dgm:bulletEnabled val="1"/>
        </dgm:presLayoutVars>
      </dgm:prSet>
      <dgm:spPr/>
    </dgm:pt>
    <dgm:pt modelId="{370E60EC-296B-4C27-8FB3-717DE57E855C}" type="pres">
      <dgm:prSet presAssocID="{3F1FF42D-4D89-4D06-AC4C-FF6329BFB6AF}" presName="parSpace" presStyleCnt="0"/>
      <dgm:spPr/>
    </dgm:pt>
    <dgm:pt modelId="{FDEA5597-6BB0-4630-AAF6-A7FB617A2E5D}" type="pres">
      <dgm:prSet presAssocID="{AD9CDC3C-9F7B-48D6-923F-BF55D1368E9D}" presName="parTxOnly" presStyleLbl="node1" presStyleIdx="1" presStyleCnt="3" custLinFactNeighborX="11650">
        <dgm:presLayoutVars>
          <dgm:bulletEnabled val="1"/>
        </dgm:presLayoutVars>
      </dgm:prSet>
      <dgm:spPr/>
    </dgm:pt>
    <dgm:pt modelId="{54EBAAE4-C9C8-4188-8723-58F91DB604D8}" type="pres">
      <dgm:prSet presAssocID="{118BC3A0-01C5-4A9E-82A2-80FF1102B2C2}" presName="parSpace" presStyleCnt="0"/>
      <dgm:spPr/>
    </dgm:pt>
    <dgm:pt modelId="{ADFE1963-5B67-4543-A537-D324DF673BF6}" type="pres">
      <dgm:prSet presAssocID="{69018EFF-544C-4FE9-BF40-EAD27A5584F4}" presName="parTxOnly" presStyleLbl="node1" presStyleIdx="2" presStyleCnt="3">
        <dgm:presLayoutVars>
          <dgm:bulletEnabled val="1"/>
        </dgm:presLayoutVars>
      </dgm:prSet>
      <dgm:spPr/>
    </dgm:pt>
  </dgm:ptLst>
  <dgm:cxnLst>
    <dgm:cxn modelId="{35F8B527-72D9-4ACD-BE56-03AC865CFD7C}" srcId="{F16D31BA-3779-4A58-B18A-503AE747B0FB}" destId="{AD9CDC3C-9F7B-48D6-923F-BF55D1368E9D}" srcOrd="1" destOrd="0" parTransId="{E139A262-9608-4CE6-AA2E-BB48F5A9C388}" sibTransId="{118BC3A0-01C5-4A9E-82A2-80FF1102B2C2}"/>
    <dgm:cxn modelId="{2D755A5F-26DF-4F54-8543-9BF2497E46CD}" type="presOf" srcId="{AD9CDC3C-9F7B-48D6-923F-BF55D1368E9D}" destId="{FDEA5597-6BB0-4630-AAF6-A7FB617A2E5D}" srcOrd="0" destOrd="0" presId="urn:microsoft.com/office/officeart/2005/8/layout/hChevron3"/>
    <dgm:cxn modelId="{B62C9369-B12B-4B78-9879-448A771644C9}" type="presOf" srcId="{E95BDEEE-CE73-47C4-A39C-F8EB6E15E95F}" destId="{4CE9BE25-BAD2-4A1E-80A9-DE18E921F819}" srcOrd="0" destOrd="0" presId="urn:microsoft.com/office/officeart/2005/8/layout/hChevron3"/>
    <dgm:cxn modelId="{AA6F2973-AC47-4FAD-887A-B97DAC91CA7E}" type="presOf" srcId="{69018EFF-544C-4FE9-BF40-EAD27A5584F4}" destId="{ADFE1963-5B67-4543-A537-D324DF673BF6}" srcOrd="0" destOrd="0" presId="urn:microsoft.com/office/officeart/2005/8/layout/hChevron3"/>
    <dgm:cxn modelId="{68176859-7D51-4D25-89D7-2AD1274E7939}" srcId="{F16D31BA-3779-4A58-B18A-503AE747B0FB}" destId="{69018EFF-544C-4FE9-BF40-EAD27A5584F4}" srcOrd="2" destOrd="0" parTransId="{9F7CE08D-A30D-4C88-80BC-4F072057FDAD}" sibTransId="{8B6CE174-5E87-4692-BD48-E1EE1FD1740C}"/>
    <dgm:cxn modelId="{C5602BD3-2380-40A8-BD8B-35FB9AA4ADD8}" type="presOf" srcId="{F16D31BA-3779-4A58-B18A-503AE747B0FB}" destId="{01B5FE23-332C-412B-8488-26C97464A509}" srcOrd="0" destOrd="0" presId="urn:microsoft.com/office/officeart/2005/8/layout/hChevron3"/>
    <dgm:cxn modelId="{EF860FF7-B7F3-404B-9BEB-FD8BEC3F99C6}" srcId="{F16D31BA-3779-4A58-B18A-503AE747B0FB}" destId="{E95BDEEE-CE73-47C4-A39C-F8EB6E15E95F}" srcOrd="0" destOrd="0" parTransId="{EB504D15-85A9-49FC-8714-D17E5376E2CE}" sibTransId="{3F1FF42D-4D89-4D06-AC4C-FF6329BFB6AF}"/>
    <dgm:cxn modelId="{FCDAD438-C6F1-476C-BA88-5EEFC344133B}" type="presParOf" srcId="{01B5FE23-332C-412B-8488-26C97464A509}" destId="{4CE9BE25-BAD2-4A1E-80A9-DE18E921F819}" srcOrd="0" destOrd="0" presId="urn:microsoft.com/office/officeart/2005/8/layout/hChevron3"/>
    <dgm:cxn modelId="{63A81FE0-2BF5-4338-BA14-BB28AB842DF2}" type="presParOf" srcId="{01B5FE23-332C-412B-8488-26C97464A509}" destId="{370E60EC-296B-4C27-8FB3-717DE57E855C}" srcOrd="1" destOrd="0" presId="urn:microsoft.com/office/officeart/2005/8/layout/hChevron3"/>
    <dgm:cxn modelId="{73E1F8F6-BD84-43AF-9011-BBCA23E44C64}" type="presParOf" srcId="{01B5FE23-332C-412B-8488-26C97464A509}" destId="{FDEA5597-6BB0-4630-AAF6-A7FB617A2E5D}" srcOrd="2" destOrd="0" presId="urn:microsoft.com/office/officeart/2005/8/layout/hChevron3"/>
    <dgm:cxn modelId="{AC621AF4-4B13-4658-B00D-90DF9996D906}" type="presParOf" srcId="{01B5FE23-332C-412B-8488-26C97464A509}" destId="{54EBAAE4-C9C8-4188-8723-58F91DB604D8}" srcOrd="3" destOrd="0" presId="urn:microsoft.com/office/officeart/2005/8/layout/hChevron3"/>
    <dgm:cxn modelId="{15A94053-2040-4E6F-878D-A368CDCB64D6}" type="presParOf" srcId="{01B5FE23-332C-412B-8488-26C97464A509}" destId="{ADFE1963-5B67-4543-A537-D324DF673BF6}" srcOrd="4" destOrd="0" presId="urn:microsoft.com/office/officeart/2005/8/layout/hChevron3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5.xml><?xml version="1.0" encoding="utf-8"?>
<dgm:dataModel xmlns:dgm="http://schemas.openxmlformats.org/drawingml/2006/diagram" xmlns:a="http://schemas.openxmlformats.org/drawingml/2006/main">
  <dgm:ptLst>
    <dgm:pt modelId="{F16D31BA-3779-4A58-B18A-503AE747B0FB}" type="doc">
      <dgm:prSet loTypeId="urn:microsoft.com/office/officeart/2005/8/layout/hChevron3" loCatId="process" qsTypeId="urn:microsoft.com/office/officeart/2005/8/quickstyle/simple1" qsCatId="simple" csTypeId="urn:microsoft.com/office/officeart/2005/8/colors/accent1_2" csCatId="accent1" phldr="1"/>
      <dgm:spPr/>
    </dgm:pt>
    <dgm:pt modelId="{E95BDEEE-CE73-47C4-A39C-F8EB6E15E95F}">
      <dgm:prSet phldrT="[Text]"/>
      <dgm:spPr>
        <a:solidFill>
          <a:schemeClr val="accent1">
            <a:hueOff val="0"/>
            <a:satOff val="0"/>
            <a:lumOff val="0"/>
            <a:alpha val="21000"/>
          </a:schemeClr>
        </a:solidFill>
      </dgm:spPr>
      <dgm:t>
        <a:bodyPr/>
        <a:lstStyle/>
        <a:p>
          <a:r>
            <a:rPr lang="it-IT"/>
            <a:t>Task1</a:t>
          </a:r>
          <a:endParaRPr lang="en-GB"/>
        </a:p>
      </dgm:t>
    </dgm:pt>
    <dgm:pt modelId="{EB504D15-85A9-49FC-8714-D17E5376E2CE}" type="parTrans" cxnId="{EF860FF7-B7F3-404B-9BEB-FD8BEC3F99C6}">
      <dgm:prSet/>
      <dgm:spPr/>
      <dgm:t>
        <a:bodyPr/>
        <a:lstStyle/>
        <a:p>
          <a:endParaRPr lang="en-GB"/>
        </a:p>
      </dgm:t>
    </dgm:pt>
    <dgm:pt modelId="{3F1FF42D-4D89-4D06-AC4C-FF6329BFB6AF}" type="sibTrans" cxnId="{EF860FF7-B7F3-404B-9BEB-FD8BEC3F99C6}">
      <dgm:prSet/>
      <dgm:spPr/>
      <dgm:t>
        <a:bodyPr/>
        <a:lstStyle/>
        <a:p>
          <a:endParaRPr lang="en-GB"/>
        </a:p>
      </dgm:t>
    </dgm:pt>
    <dgm:pt modelId="{AD9CDC3C-9F7B-48D6-923F-BF55D1368E9D}">
      <dgm:prSet phldrT="[Text]"/>
      <dgm:spPr>
        <a:solidFill>
          <a:schemeClr val="accent1">
            <a:hueOff val="0"/>
            <a:satOff val="0"/>
            <a:lumOff val="0"/>
            <a:alpha val="39000"/>
          </a:schemeClr>
        </a:solidFill>
      </dgm:spPr>
      <dgm:t>
        <a:bodyPr/>
        <a:lstStyle/>
        <a:p>
          <a:r>
            <a:rPr lang="it-IT"/>
            <a:t>Task 2</a:t>
          </a:r>
          <a:endParaRPr lang="en-GB"/>
        </a:p>
      </dgm:t>
    </dgm:pt>
    <dgm:pt modelId="{E139A262-9608-4CE6-AA2E-BB48F5A9C388}" type="parTrans" cxnId="{35F8B527-72D9-4ACD-BE56-03AC865CFD7C}">
      <dgm:prSet/>
      <dgm:spPr/>
      <dgm:t>
        <a:bodyPr/>
        <a:lstStyle/>
        <a:p>
          <a:endParaRPr lang="en-GB"/>
        </a:p>
      </dgm:t>
    </dgm:pt>
    <dgm:pt modelId="{118BC3A0-01C5-4A9E-82A2-80FF1102B2C2}" type="sibTrans" cxnId="{35F8B527-72D9-4ACD-BE56-03AC865CFD7C}">
      <dgm:prSet/>
      <dgm:spPr/>
      <dgm:t>
        <a:bodyPr/>
        <a:lstStyle/>
        <a:p>
          <a:endParaRPr lang="en-GB"/>
        </a:p>
      </dgm:t>
    </dgm:pt>
    <dgm:pt modelId="{69018EFF-544C-4FE9-BF40-EAD27A5584F4}">
      <dgm:prSet phldrT="[Text]"/>
      <dgm:spPr>
        <a:solidFill>
          <a:schemeClr val="accent1">
            <a:hueOff val="0"/>
            <a:satOff val="0"/>
            <a:lumOff val="0"/>
          </a:schemeClr>
        </a:solidFill>
      </dgm:spPr>
      <dgm:t>
        <a:bodyPr/>
        <a:lstStyle/>
        <a:p>
          <a:r>
            <a:rPr lang="it-IT"/>
            <a:t>Task 3</a:t>
          </a:r>
          <a:endParaRPr lang="en-GB"/>
        </a:p>
      </dgm:t>
    </dgm:pt>
    <dgm:pt modelId="{9F7CE08D-A30D-4C88-80BC-4F072057FDAD}" type="parTrans" cxnId="{68176859-7D51-4D25-89D7-2AD1274E7939}">
      <dgm:prSet/>
      <dgm:spPr/>
      <dgm:t>
        <a:bodyPr/>
        <a:lstStyle/>
        <a:p>
          <a:endParaRPr lang="en-GB"/>
        </a:p>
      </dgm:t>
    </dgm:pt>
    <dgm:pt modelId="{8B6CE174-5E87-4692-BD48-E1EE1FD1740C}" type="sibTrans" cxnId="{68176859-7D51-4D25-89D7-2AD1274E7939}">
      <dgm:prSet/>
      <dgm:spPr/>
      <dgm:t>
        <a:bodyPr/>
        <a:lstStyle/>
        <a:p>
          <a:endParaRPr lang="en-GB"/>
        </a:p>
      </dgm:t>
    </dgm:pt>
    <dgm:pt modelId="{01B5FE23-332C-412B-8488-26C97464A509}" type="pres">
      <dgm:prSet presAssocID="{F16D31BA-3779-4A58-B18A-503AE747B0FB}" presName="Name0" presStyleCnt="0">
        <dgm:presLayoutVars>
          <dgm:dir/>
          <dgm:resizeHandles val="exact"/>
        </dgm:presLayoutVars>
      </dgm:prSet>
      <dgm:spPr/>
    </dgm:pt>
    <dgm:pt modelId="{4CE9BE25-BAD2-4A1E-80A9-DE18E921F819}" type="pres">
      <dgm:prSet presAssocID="{E95BDEEE-CE73-47C4-A39C-F8EB6E15E95F}" presName="parTxOnly" presStyleLbl="node1" presStyleIdx="0" presStyleCnt="3">
        <dgm:presLayoutVars>
          <dgm:bulletEnabled val="1"/>
        </dgm:presLayoutVars>
      </dgm:prSet>
      <dgm:spPr/>
    </dgm:pt>
    <dgm:pt modelId="{370E60EC-296B-4C27-8FB3-717DE57E855C}" type="pres">
      <dgm:prSet presAssocID="{3F1FF42D-4D89-4D06-AC4C-FF6329BFB6AF}" presName="parSpace" presStyleCnt="0"/>
      <dgm:spPr/>
    </dgm:pt>
    <dgm:pt modelId="{FDEA5597-6BB0-4630-AAF6-A7FB617A2E5D}" type="pres">
      <dgm:prSet presAssocID="{AD9CDC3C-9F7B-48D6-923F-BF55D1368E9D}" presName="parTxOnly" presStyleLbl="node1" presStyleIdx="1" presStyleCnt="3" custLinFactNeighborX="11650">
        <dgm:presLayoutVars>
          <dgm:bulletEnabled val="1"/>
        </dgm:presLayoutVars>
      </dgm:prSet>
      <dgm:spPr/>
    </dgm:pt>
    <dgm:pt modelId="{54EBAAE4-C9C8-4188-8723-58F91DB604D8}" type="pres">
      <dgm:prSet presAssocID="{118BC3A0-01C5-4A9E-82A2-80FF1102B2C2}" presName="parSpace" presStyleCnt="0"/>
      <dgm:spPr/>
    </dgm:pt>
    <dgm:pt modelId="{ADFE1963-5B67-4543-A537-D324DF673BF6}" type="pres">
      <dgm:prSet presAssocID="{69018EFF-544C-4FE9-BF40-EAD27A5584F4}" presName="parTxOnly" presStyleLbl="node1" presStyleIdx="2" presStyleCnt="3">
        <dgm:presLayoutVars>
          <dgm:bulletEnabled val="1"/>
        </dgm:presLayoutVars>
      </dgm:prSet>
      <dgm:spPr/>
    </dgm:pt>
  </dgm:ptLst>
  <dgm:cxnLst>
    <dgm:cxn modelId="{35F8B527-72D9-4ACD-BE56-03AC865CFD7C}" srcId="{F16D31BA-3779-4A58-B18A-503AE747B0FB}" destId="{AD9CDC3C-9F7B-48D6-923F-BF55D1368E9D}" srcOrd="1" destOrd="0" parTransId="{E139A262-9608-4CE6-AA2E-BB48F5A9C388}" sibTransId="{118BC3A0-01C5-4A9E-82A2-80FF1102B2C2}"/>
    <dgm:cxn modelId="{2D755A5F-26DF-4F54-8543-9BF2497E46CD}" type="presOf" srcId="{AD9CDC3C-9F7B-48D6-923F-BF55D1368E9D}" destId="{FDEA5597-6BB0-4630-AAF6-A7FB617A2E5D}" srcOrd="0" destOrd="0" presId="urn:microsoft.com/office/officeart/2005/8/layout/hChevron3"/>
    <dgm:cxn modelId="{B62C9369-B12B-4B78-9879-448A771644C9}" type="presOf" srcId="{E95BDEEE-CE73-47C4-A39C-F8EB6E15E95F}" destId="{4CE9BE25-BAD2-4A1E-80A9-DE18E921F819}" srcOrd="0" destOrd="0" presId="urn:microsoft.com/office/officeart/2005/8/layout/hChevron3"/>
    <dgm:cxn modelId="{AA6F2973-AC47-4FAD-887A-B97DAC91CA7E}" type="presOf" srcId="{69018EFF-544C-4FE9-BF40-EAD27A5584F4}" destId="{ADFE1963-5B67-4543-A537-D324DF673BF6}" srcOrd="0" destOrd="0" presId="urn:microsoft.com/office/officeart/2005/8/layout/hChevron3"/>
    <dgm:cxn modelId="{68176859-7D51-4D25-89D7-2AD1274E7939}" srcId="{F16D31BA-3779-4A58-B18A-503AE747B0FB}" destId="{69018EFF-544C-4FE9-BF40-EAD27A5584F4}" srcOrd="2" destOrd="0" parTransId="{9F7CE08D-A30D-4C88-80BC-4F072057FDAD}" sibTransId="{8B6CE174-5E87-4692-BD48-E1EE1FD1740C}"/>
    <dgm:cxn modelId="{C5602BD3-2380-40A8-BD8B-35FB9AA4ADD8}" type="presOf" srcId="{F16D31BA-3779-4A58-B18A-503AE747B0FB}" destId="{01B5FE23-332C-412B-8488-26C97464A509}" srcOrd="0" destOrd="0" presId="urn:microsoft.com/office/officeart/2005/8/layout/hChevron3"/>
    <dgm:cxn modelId="{EF860FF7-B7F3-404B-9BEB-FD8BEC3F99C6}" srcId="{F16D31BA-3779-4A58-B18A-503AE747B0FB}" destId="{E95BDEEE-CE73-47C4-A39C-F8EB6E15E95F}" srcOrd="0" destOrd="0" parTransId="{EB504D15-85A9-49FC-8714-D17E5376E2CE}" sibTransId="{3F1FF42D-4D89-4D06-AC4C-FF6329BFB6AF}"/>
    <dgm:cxn modelId="{FCDAD438-C6F1-476C-BA88-5EEFC344133B}" type="presParOf" srcId="{01B5FE23-332C-412B-8488-26C97464A509}" destId="{4CE9BE25-BAD2-4A1E-80A9-DE18E921F819}" srcOrd="0" destOrd="0" presId="urn:microsoft.com/office/officeart/2005/8/layout/hChevron3"/>
    <dgm:cxn modelId="{63A81FE0-2BF5-4338-BA14-BB28AB842DF2}" type="presParOf" srcId="{01B5FE23-332C-412B-8488-26C97464A509}" destId="{370E60EC-296B-4C27-8FB3-717DE57E855C}" srcOrd="1" destOrd="0" presId="urn:microsoft.com/office/officeart/2005/8/layout/hChevron3"/>
    <dgm:cxn modelId="{73E1F8F6-BD84-43AF-9011-BBCA23E44C64}" type="presParOf" srcId="{01B5FE23-332C-412B-8488-26C97464A509}" destId="{FDEA5597-6BB0-4630-AAF6-A7FB617A2E5D}" srcOrd="2" destOrd="0" presId="urn:microsoft.com/office/officeart/2005/8/layout/hChevron3"/>
    <dgm:cxn modelId="{AC621AF4-4B13-4658-B00D-90DF9996D906}" type="presParOf" srcId="{01B5FE23-332C-412B-8488-26C97464A509}" destId="{54EBAAE4-C9C8-4188-8723-58F91DB604D8}" srcOrd="3" destOrd="0" presId="urn:microsoft.com/office/officeart/2005/8/layout/hChevron3"/>
    <dgm:cxn modelId="{15A94053-2040-4E6F-878D-A368CDCB64D6}" type="presParOf" srcId="{01B5FE23-332C-412B-8488-26C97464A509}" destId="{ADFE1963-5B67-4543-A537-D324DF673BF6}" srcOrd="4" destOrd="0" presId="urn:microsoft.com/office/officeart/2005/8/layout/hChevron3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CE9BE25-BAD2-4A1E-80A9-DE18E921F819}">
      <dsp:nvSpPr>
        <dsp:cNvPr id="0" name=""/>
        <dsp:cNvSpPr/>
      </dsp:nvSpPr>
      <dsp:spPr>
        <a:xfrm>
          <a:off x="1432" y="0"/>
          <a:ext cx="1252439" cy="473254"/>
        </a:xfrm>
        <a:prstGeom prst="homePlate">
          <a:avLst/>
        </a:prstGeom>
        <a:solidFill>
          <a:schemeClr val="accent1">
            <a:hueOff val="0"/>
            <a:satOff val="0"/>
            <a:lum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6012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1</a:t>
          </a:r>
          <a:endParaRPr lang="en-GB" sz="1800" kern="1200"/>
        </a:p>
      </dsp:txBody>
      <dsp:txXfrm>
        <a:off x="1432" y="0"/>
        <a:ext cx="1134126" cy="473254"/>
      </dsp:txXfrm>
    </dsp:sp>
    <dsp:sp modelId="{FDEA5597-6BB0-4630-AAF6-A7FB617A2E5D}">
      <dsp:nvSpPr>
        <dsp:cNvPr id="0" name=""/>
        <dsp:cNvSpPr/>
      </dsp:nvSpPr>
      <dsp:spPr>
        <a:xfrm>
          <a:off x="1003383" y="0"/>
          <a:ext cx="1252439" cy="473254"/>
        </a:xfrm>
        <a:prstGeom prst="chevron">
          <a:avLst/>
        </a:prstGeom>
        <a:solidFill>
          <a:schemeClr val="accent1">
            <a:hueOff val="0"/>
            <a:satOff val="0"/>
            <a:lumOff val="0"/>
            <a:alpha val="2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009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 2</a:t>
          </a:r>
          <a:endParaRPr lang="en-GB" sz="1800" kern="1200"/>
        </a:p>
      </dsp:txBody>
      <dsp:txXfrm>
        <a:off x="1240010" y="0"/>
        <a:ext cx="779185" cy="473254"/>
      </dsp:txXfrm>
    </dsp:sp>
    <dsp:sp modelId="{ADFE1963-5B67-4543-A537-D324DF673BF6}">
      <dsp:nvSpPr>
        <dsp:cNvPr id="0" name=""/>
        <dsp:cNvSpPr/>
      </dsp:nvSpPr>
      <dsp:spPr>
        <a:xfrm>
          <a:off x="2005334" y="0"/>
          <a:ext cx="1252439" cy="473254"/>
        </a:xfrm>
        <a:prstGeom prst="chevron">
          <a:avLst/>
        </a:prstGeom>
        <a:solidFill>
          <a:schemeClr val="accent1">
            <a:hueOff val="0"/>
            <a:satOff val="0"/>
            <a:lumOff val="0"/>
            <a:alpha val="31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009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 3</a:t>
          </a:r>
          <a:endParaRPr lang="en-GB" sz="1800" kern="1200"/>
        </a:p>
      </dsp:txBody>
      <dsp:txXfrm>
        <a:off x="2241961" y="0"/>
        <a:ext cx="779185" cy="473254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CE9BE25-BAD2-4A1E-80A9-DE18E921F819}">
      <dsp:nvSpPr>
        <dsp:cNvPr id="0" name=""/>
        <dsp:cNvSpPr/>
      </dsp:nvSpPr>
      <dsp:spPr>
        <a:xfrm>
          <a:off x="1432" y="0"/>
          <a:ext cx="1252439" cy="473254"/>
        </a:xfrm>
        <a:prstGeom prst="homePlate">
          <a:avLst/>
        </a:prstGeom>
        <a:solidFill>
          <a:schemeClr val="accent1">
            <a:hueOff val="0"/>
            <a:satOff val="0"/>
            <a:lumOff val="0"/>
            <a:alpha val="21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6012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1</a:t>
          </a:r>
          <a:endParaRPr lang="en-GB" sz="1800" kern="1200"/>
        </a:p>
      </dsp:txBody>
      <dsp:txXfrm>
        <a:off x="1432" y="0"/>
        <a:ext cx="1134126" cy="473254"/>
      </dsp:txXfrm>
    </dsp:sp>
    <dsp:sp modelId="{FDEA5597-6BB0-4630-AAF6-A7FB617A2E5D}">
      <dsp:nvSpPr>
        <dsp:cNvPr id="0" name=""/>
        <dsp:cNvSpPr/>
      </dsp:nvSpPr>
      <dsp:spPr>
        <a:xfrm>
          <a:off x="1003383" y="0"/>
          <a:ext cx="1252439" cy="473254"/>
        </a:xfrm>
        <a:prstGeom prst="chevron">
          <a:avLst/>
        </a:prstGeom>
        <a:solidFill>
          <a:schemeClr val="accent1">
            <a:hueOff val="0"/>
            <a:satOff val="0"/>
            <a:lumOff val="0"/>
            <a:alpha val="99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009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 2</a:t>
          </a:r>
          <a:endParaRPr lang="en-GB" sz="1800" kern="1200"/>
        </a:p>
      </dsp:txBody>
      <dsp:txXfrm>
        <a:off x="1240010" y="0"/>
        <a:ext cx="779185" cy="473254"/>
      </dsp:txXfrm>
    </dsp:sp>
    <dsp:sp modelId="{ADFE1963-5B67-4543-A537-D324DF673BF6}">
      <dsp:nvSpPr>
        <dsp:cNvPr id="0" name=""/>
        <dsp:cNvSpPr/>
      </dsp:nvSpPr>
      <dsp:spPr>
        <a:xfrm>
          <a:off x="2005334" y="0"/>
          <a:ext cx="1252439" cy="473254"/>
        </a:xfrm>
        <a:prstGeom prst="chevron">
          <a:avLst/>
        </a:prstGeom>
        <a:solidFill>
          <a:schemeClr val="accent1">
            <a:hueOff val="0"/>
            <a:satOff val="0"/>
            <a:lumOff val="0"/>
            <a:alpha val="31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009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 3</a:t>
          </a:r>
          <a:endParaRPr lang="en-GB" sz="1800" kern="1200"/>
        </a:p>
      </dsp:txBody>
      <dsp:txXfrm>
        <a:off x="2241961" y="0"/>
        <a:ext cx="779185" cy="473254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CE9BE25-BAD2-4A1E-80A9-DE18E921F819}">
      <dsp:nvSpPr>
        <dsp:cNvPr id="0" name=""/>
        <dsp:cNvSpPr/>
      </dsp:nvSpPr>
      <dsp:spPr>
        <a:xfrm>
          <a:off x="1432" y="0"/>
          <a:ext cx="1252439" cy="473254"/>
        </a:xfrm>
        <a:prstGeom prst="homePlate">
          <a:avLst/>
        </a:prstGeom>
        <a:solidFill>
          <a:schemeClr val="accent1">
            <a:hueOff val="0"/>
            <a:satOff val="0"/>
            <a:lumOff val="0"/>
            <a:alpha val="21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6012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1</a:t>
          </a:r>
          <a:endParaRPr lang="en-GB" sz="1800" kern="1200"/>
        </a:p>
      </dsp:txBody>
      <dsp:txXfrm>
        <a:off x="1432" y="0"/>
        <a:ext cx="1134126" cy="473254"/>
      </dsp:txXfrm>
    </dsp:sp>
    <dsp:sp modelId="{FDEA5597-6BB0-4630-AAF6-A7FB617A2E5D}">
      <dsp:nvSpPr>
        <dsp:cNvPr id="0" name=""/>
        <dsp:cNvSpPr/>
      </dsp:nvSpPr>
      <dsp:spPr>
        <a:xfrm>
          <a:off x="1003383" y="0"/>
          <a:ext cx="1252439" cy="473254"/>
        </a:xfrm>
        <a:prstGeom prst="chevron">
          <a:avLst/>
        </a:prstGeom>
        <a:solidFill>
          <a:schemeClr val="accent1">
            <a:hueOff val="0"/>
            <a:satOff val="0"/>
            <a:lumOff val="0"/>
            <a:alpha val="99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009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 2</a:t>
          </a:r>
          <a:endParaRPr lang="en-GB" sz="1800" kern="1200"/>
        </a:p>
      </dsp:txBody>
      <dsp:txXfrm>
        <a:off x="1240010" y="0"/>
        <a:ext cx="779185" cy="473254"/>
      </dsp:txXfrm>
    </dsp:sp>
    <dsp:sp modelId="{ADFE1963-5B67-4543-A537-D324DF673BF6}">
      <dsp:nvSpPr>
        <dsp:cNvPr id="0" name=""/>
        <dsp:cNvSpPr/>
      </dsp:nvSpPr>
      <dsp:spPr>
        <a:xfrm>
          <a:off x="2005334" y="0"/>
          <a:ext cx="1252439" cy="473254"/>
        </a:xfrm>
        <a:prstGeom prst="chevron">
          <a:avLst/>
        </a:prstGeom>
        <a:solidFill>
          <a:schemeClr val="accent1">
            <a:hueOff val="0"/>
            <a:satOff val="0"/>
            <a:lumOff val="0"/>
            <a:alpha val="31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009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 3</a:t>
          </a:r>
          <a:endParaRPr lang="en-GB" sz="1800" kern="1200"/>
        </a:p>
      </dsp:txBody>
      <dsp:txXfrm>
        <a:off x="2241961" y="0"/>
        <a:ext cx="779185" cy="473254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CE9BE25-BAD2-4A1E-80A9-DE18E921F819}">
      <dsp:nvSpPr>
        <dsp:cNvPr id="0" name=""/>
        <dsp:cNvSpPr/>
      </dsp:nvSpPr>
      <dsp:spPr>
        <a:xfrm>
          <a:off x="1432" y="0"/>
          <a:ext cx="1252439" cy="473254"/>
        </a:xfrm>
        <a:prstGeom prst="homePlate">
          <a:avLst/>
        </a:prstGeom>
        <a:solidFill>
          <a:schemeClr val="accent1">
            <a:hueOff val="0"/>
            <a:satOff val="0"/>
            <a:lumOff val="0"/>
            <a:alpha val="21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6012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1</a:t>
          </a:r>
          <a:endParaRPr lang="en-GB" sz="1800" kern="1200"/>
        </a:p>
      </dsp:txBody>
      <dsp:txXfrm>
        <a:off x="1432" y="0"/>
        <a:ext cx="1134126" cy="473254"/>
      </dsp:txXfrm>
    </dsp:sp>
    <dsp:sp modelId="{FDEA5597-6BB0-4630-AAF6-A7FB617A2E5D}">
      <dsp:nvSpPr>
        <dsp:cNvPr id="0" name=""/>
        <dsp:cNvSpPr/>
      </dsp:nvSpPr>
      <dsp:spPr>
        <a:xfrm>
          <a:off x="1032565" y="0"/>
          <a:ext cx="1252439" cy="473254"/>
        </a:xfrm>
        <a:prstGeom prst="chevron">
          <a:avLst/>
        </a:prstGeom>
        <a:solidFill>
          <a:schemeClr val="accent1">
            <a:hueOff val="0"/>
            <a:satOff val="0"/>
            <a:lumOff val="0"/>
            <a:alpha val="39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009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 2</a:t>
          </a:r>
          <a:endParaRPr lang="en-GB" sz="1800" kern="1200"/>
        </a:p>
      </dsp:txBody>
      <dsp:txXfrm>
        <a:off x="1269192" y="0"/>
        <a:ext cx="779185" cy="473254"/>
      </dsp:txXfrm>
    </dsp:sp>
    <dsp:sp modelId="{ADFE1963-5B67-4543-A537-D324DF673BF6}">
      <dsp:nvSpPr>
        <dsp:cNvPr id="0" name=""/>
        <dsp:cNvSpPr/>
      </dsp:nvSpPr>
      <dsp:spPr>
        <a:xfrm>
          <a:off x="2005334" y="0"/>
          <a:ext cx="1252439" cy="473254"/>
        </a:xfrm>
        <a:prstGeom prst="chevron">
          <a:avLst/>
        </a:prstGeom>
        <a:solidFill>
          <a:schemeClr val="accent1">
            <a:hueOff val="0"/>
            <a:satOff val="0"/>
            <a:lum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009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 3</a:t>
          </a:r>
          <a:endParaRPr lang="en-GB" sz="1800" kern="1200"/>
        </a:p>
      </dsp:txBody>
      <dsp:txXfrm>
        <a:off x="2241961" y="0"/>
        <a:ext cx="779185" cy="473254"/>
      </dsp:txXfrm>
    </dsp:sp>
  </dsp:spTree>
</dsp:drawing>
</file>

<file path=ppt/diagrams/drawing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CE9BE25-BAD2-4A1E-80A9-DE18E921F819}">
      <dsp:nvSpPr>
        <dsp:cNvPr id="0" name=""/>
        <dsp:cNvSpPr/>
      </dsp:nvSpPr>
      <dsp:spPr>
        <a:xfrm>
          <a:off x="1432" y="0"/>
          <a:ext cx="1252439" cy="473254"/>
        </a:xfrm>
        <a:prstGeom prst="homePlate">
          <a:avLst/>
        </a:prstGeom>
        <a:solidFill>
          <a:schemeClr val="accent1">
            <a:hueOff val="0"/>
            <a:satOff val="0"/>
            <a:lumOff val="0"/>
            <a:alpha val="21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6012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1</a:t>
          </a:r>
          <a:endParaRPr lang="en-GB" sz="1800" kern="1200"/>
        </a:p>
      </dsp:txBody>
      <dsp:txXfrm>
        <a:off x="1432" y="0"/>
        <a:ext cx="1134126" cy="473254"/>
      </dsp:txXfrm>
    </dsp:sp>
    <dsp:sp modelId="{FDEA5597-6BB0-4630-AAF6-A7FB617A2E5D}">
      <dsp:nvSpPr>
        <dsp:cNvPr id="0" name=""/>
        <dsp:cNvSpPr/>
      </dsp:nvSpPr>
      <dsp:spPr>
        <a:xfrm>
          <a:off x="1032565" y="0"/>
          <a:ext cx="1252439" cy="473254"/>
        </a:xfrm>
        <a:prstGeom prst="chevron">
          <a:avLst/>
        </a:prstGeom>
        <a:solidFill>
          <a:schemeClr val="accent1">
            <a:hueOff val="0"/>
            <a:satOff val="0"/>
            <a:lumOff val="0"/>
            <a:alpha val="39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009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 2</a:t>
          </a:r>
          <a:endParaRPr lang="en-GB" sz="1800" kern="1200"/>
        </a:p>
      </dsp:txBody>
      <dsp:txXfrm>
        <a:off x="1269192" y="0"/>
        <a:ext cx="779185" cy="473254"/>
      </dsp:txXfrm>
    </dsp:sp>
    <dsp:sp modelId="{ADFE1963-5B67-4543-A537-D324DF673BF6}">
      <dsp:nvSpPr>
        <dsp:cNvPr id="0" name=""/>
        <dsp:cNvSpPr/>
      </dsp:nvSpPr>
      <dsp:spPr>
        <a:xfrm>
          <a:off x="2005334" y="0"/>
          <a:ext cx="1252439" cy="473254"/>
        </a:xfrm>
        <a:prstGeom prst="chevron">
          <a:avLst/>
        </a:prstGeom>
        <a:solidFill>
          <a:schemeClr val="accent1">
            <a:hueOff val="0"/>
            <a:satOff val="0"/>
            <a:lum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009" tIns="48006" rIns="24003" bIns="48006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it-IT" sz="1800" kern="1200"/>
            <a:t>Task 3</a:t>
          </a:r>
          <a:endParaRPr lang="en-GB" sz="1800" kern="1200"/>
        </a:p>
      </dsp:txBody>
      <dsp:txXfrm>
        <a:off x="2241961" y="0"/>
        <a:ext cx="779185" cy="473254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Chevron3">
  <dgm:title val=""/>
  <dgm:desc val=""/>
  <dgm:catLst>
    <dgm:cat type="process" pri="10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root des" func="maxDepth" op="gte" val="2">
        <dgm:constrLst>
          <dgm:constr type="w" for="ch" forName="parAndChTx" refType="w"/>
          <dgm:constr type="primFontSz" for="ch" ptType="node" op="equ"/>
          <dgm:constr type="w" for="ch" forName="parAndChSpace" refType="w" refFor="ch" refForName="parAndChTx" fact="-0.2"/>
          <dgm:constr type="w" for="ch" ptType="sibTrans" op="equ"/>
        </dgm:constrLst>
        <dgm:ruleLst/>
        <dgm:forEach name="Name6" axis="ch" ptType="node">
          <dgm:layoutNode name="parAndChTx">
            <dgm:varLst>
              <dgm:bulletEnabled val="1"/>
            </dgm:varLst>
            <dgm:alg type="tx"/>
            <dgm:choose name="Name7">
              <dgm:if name="Name8" func="var" arg="dir" op="equ" val="norm">
                <dgm:choose name="Name9">
                  <dgm:if name="Name10" axis="self" ptType="node" func="pos" op="equ" val="1">
                    <dgm:shape xmlns:r="http://schemas.openxmlformats.org/officeDocument/2006/relationships" type="homePlate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4"/>
                    </dgm:constrLst>
                  </dgm:if>
                  <dgm:else name="Name11">
                    <dgm:shape xmlns:r="http://schemas.openxmlformats.org/officeDocument/2006/relationships" type="chevron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1"/>
                    </dgm:constrLst>
                  </dgm:else>
                </dgm:choose>
              </dgm:if>
              <dgm:else name="Name12">
                <dgm:choose name="Name13">
                  <dgm:if name="Name14" axis="self" ptType="node" func="pos" op="equ" val="1">
                    <dgm:shape xmlns:r="http://schemas.openxmlformats.org/officeDocument/2006/relationships" rot="180" type="homePlate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4"/>
                      <dgm:constr type="rMarg" refType="w" fact="0.1"/>
                    </dgm:constrLst>
                  </dgm:if>
                  <dgm:else name="Name15">
                    <dgm:shape xmlns:r="http://schemas.openxmlformats.org/officeDocument/2006/relationships" rot="180" type="chevron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1"/>
                    </dgm:constrLst>
                  </dgm:else>
                </dgm:choose>
              </dgm:else>
            </dgm:choose>
            <dgm:ruleLst>
              <dgm:rule type="primFontSz" val="5" fact="NaN" max="NaN"/>
            </dgm:ruleLst>
          </dgm:layoutNode>
          <dgm:forEach name="Name16" axis="followSib" ptType="sibTrans" cnt="1">
            <dgm:layoutNode name="parAndCh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17">
        <dgm:constrLst>
          <dgm:constr type="w" for="ch" forName="parTxOnly" refType="w"/>
          <dgm:constr type="primFontSz" for="ch" ptType="node" op="equ"/>
          <dgm:constr type="w" for="ch" forName="parSpace" refType="w" refFor="ch" refForName="parTxOnly" fact="-0.2"/>
          <dgm:constr type="w" for="ch" ptType="sibTrans" op="equ"/>
        </dgm:constrLst>
        <dgm:ruleLst/>
        <dgm:forEach name="Name18" axis="ch" ptType="node">
          <dgm:layoutNode name="parTxOnly">
            <dgm:varLst>
              <dgm:bulletEnabled val="1"/>
            </dgm:varLst>
            <dgm:alg type="tx"/>
            <dgm:presOf axis="desOrSelf" ptType="node"/>
            <dgm:choose name="Name19">
              <dgm:if name="Name20" func="var" arg="dir" op="equ" val="norm">
                <dgm:choose name="Name21">
                  <dgm:if name="Name22" axis="self" ptType="node" func="pos" op="equ" val="1">
                    <dgm:shape xmlns:r="http://schemas.openxmlformats.org/officeDocument/2006/relationships" type="homePlate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42"/>
                      <dgm:constr type="rMarg" refType="primFontSz" fact="0.105"/>
                    </dgm:constrLst>
                  </dgm:if>
                  <dgm:else name="Name23">
                    <dgm:shape xmlns:r="http://schemas.openxmlformats.org/officeDocument/2006/relationships" type="chevron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315"/>
                      <dgm:constr type="rMarg" refType="primFontSz" fact="0.105"/>
                    </dgm:constrLst>
                  </dgm:else>
                </dgm:choose>
              </dgm:if>
              <dgm:else name="Name24">
                <dgm:choose name="Name25">
                  <dgm:if name="Name26" axis="self" ptType="node" func="pos" op="equ" val="1">
                    <dgm:shape xmlns:r="http://schemas.openxmlformats.org/officeDocument/2006/relationships" rot="180" type="homePlate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105"/>
                      <dgm:constr type="rMarg" refType="primFontSz" fact="0.42"/>
                    </dgm:constrLst>
                  </dgm:if>
                  <dgm:else name="Name27">
                    <dgm:shape xmlns:r="http://schemas.openxmlformats.org/officeDocument/2006/relationships" rot="180" type="chevron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105"/>
                      <dgm:constr type="rMarg" refType="primFontSz" fact="0.315"/>
                    </dgm:constrLst>
                  </dgm:else>
                </dgm:choose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hChevron3">
  <dgm:title val=""/>
  <dgm:desc val=""/>
  <dgm:catLst>
    <dgm:cat type="process" pri="10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root des" func="maxDepth" op="gte" val="2">
        <dgm:constrLst>
          <dgm:constr type="w" for="ch" forName="parAndChTx" refType="w"/>
          <dgm:constr type="primFontSz" for="ch" ptType="node" op="equ"/>
          <dgm:constr type="w" for="ch" forName="parAndChSpace" refType="w" refFor="ch" refForName="parAndChTx" fact="-0.2"/>
          <dgm:constr type="w" for="ch" ptType="sibTrans" op="equ"/>
        </dgm:constrLst>
        <dgm:ruleLst/>
        <dgm:forEach name="Name6" axis="ch" ptType="node">
          <dgm:layoutNode name="parAndChTx">
            <dgm:varLst>
              <dgm:bulletEnabled val="1"/>
            </dgm:varLst>
            <dgm:alg type="tx"/>
            <dgm:choose name="Name7">
              <dgm:if name="Name8" func="var" arg="dir" op="equ" val="norm">
                <dgm:choose name="Name9">
                  <dgm:if name="Name10" axis="self" ptType="node" func="pos" op="equ" val="1">
                    <dgm:shape xmlns:r="http://schemas.openxmlformats.org/officeDocument/2006/relationships" type="homePlate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4"/>
                    </dgm:constrLst>
                  </dgm:if>
                  <dgm:else name="Name11">
                    <dgm:shape xmlns:r="http://schemas.openxmlformats.org/officeDocument/2006/relationships" type="chevron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1"/>
                    </dgm:constrLst>
                  </dgm:else>
                </dgm:choose>
              </dgm:if>
              <dgm:else name="Name12">
                <dgm:choose name="Name13">
                  <dgm:if name="Name14" axis="self" ptType="node" func="pos" op="equ" val="1">
                    <dgm:shape xmlns:r="http://schemas.openxmlformats.org/officeDocument/2006/relationships" rot="180" type="homePlate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4"/>
                      <dgm:constr type="rMarg" refType="w" fact="0.1"/>
                    </dgm:constrLst>
                  </dgm:if>
                  <dgm:else name="Name15">
                    <dgm:shape xmlns:r="http://schemas.openxmlformats.org/officeDocument/2006/relationships" rot="180" type="chevron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1"/>
                    </dgm:constrLst>
                  </dgm:else>
                </dgm:choose>
              </dgm:else>
            </dgm:choose>
            <dgm:ruleLst>
              <dgm:rule type="primFontSz" val="5" fact="NaN" max="NaN"/>
            </dgm:ruleLst>
          </dgm:layoutNode>
          <dgm:forEach name="Name16" axis="followSib" ptType="sibTrans" cnt="1">
            <dgm:layoutNode name="parAndCh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17">
        <dgm:constrLst>
          <dgm:constr type="w" for="ch" forName="parTxOnly" refType="w"/>
          <dgm:constr type="primFontSz" for="ch" ptType="node" op="equ"/>
          <dgm:constr type="w" for="ch" forName="parSpace" refType="w" refFor="ch" refForName="parTxOnly" fact="-0.2"/>
          <dgm:constr type="w" for="ch" ptType="sibTrans" op="equ"/>
        </dgm:constrLst>
        <dgm:ruleLst/>
        <dgm:forEach name="Name18" axis="ch" ptType="node">
          <dgm:layoutNode name="parTxOnly">
            <dgm:varLst>
              <dgm:bulletEnabled val="1"/>
            </dgm:varLst>
            <dgm:alg type="tx"/>
            <dgm:presOf axis="desOrSelf" ptType="node"/>
            <dgm:choose name="Name19">
              <dgm:if name="Name20" func="var" arg="dir" op="equ" val="norm">
                <dgm:choose name="Name21">
                  <dgm:if name="Name22" axis="self" ptType="node" func="pos" op="equ" val="1">
                    <dgm:shape xmlns:r="http://schemas.openxmlformats.org/officeDocument/2006/relationships" type="homePlate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42"/>
                      <dgm:constr type="rMarg" refType="primFontSz" fact="0.105"/>
                    </dgm:constrLst>
                  </dgm:if>
                  <dgm:else name="Name23">
                    <dgm:shape xmlns:r="http://schemas.openxmlformats.org/officeDocument/2006/relationships" type="chevron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315"/>
                      <dgm:constr type="rMarg" refType="primFontSz" fact="0.105"/>
                    </dgm:constrLst>
                  </dgm:else>
                </dgm:choose>
              </dgm:if>
              <dgm:else name="Name24">
                <dgm:choose name="Name25">
                  <dgm:if name="Name26" axis="self" ptType="node" func="pos" op="equ" val="1">
                    <dgm:shape xmlns:r="http://schemas.openxmlformats.org/officeDocument/2006/relationships" rot="180" type="homePlate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105"/>
                      <dgm:constr type="rMarg" refType="primFontSz" fact="0.42"/>
                    </dgm:constrLst>
                  </dgm:if>
                  <dgm:else name="Name27">
                    <dgm:shape xmlns:r="http://schemas.openxmlformats.org/officeDocument/2006/relationships" rot="180" type="chevron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105"/>
                      <dgm:constr type="rMarg" refType="primFontSz" fact="0.315"/>
                    </dgm:constrLst>
                  </dgm:else>
                </dgm:choose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hChevron3">
  <dgm:title val=""/>
  <dgm:desc val=""/>
  <dgm:catLst>
    <dgm:cat type="process" pri="10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root des" func="maxDepth" op="gte" val="2">
        <dgm:constrLst>
          <dgm:constr type="w" for="ch" forName="parAndChTx" refType="w"/>
          <dgm:constr type="primFontSz" for="ch" ptType="node" op="equ"/>
          <dgm:constr type="w" for="ch" forName="parAndChSpace" refType="w" refFor="ch" refForName="parAndChTx" fact="-0.2"/>
          <dgm:constr type="w" for="ch" ptType="sibTrans" op="equ"/>
        </dgm:constrLst>
        <dgm:ruleLst/>
        <dgm:forEach name="Name6" axis="ch" ptType="node">
          <dgm:layoutNode name="parAndChTx">
            <dgm:varLst>
              <dgm:bulletEnabled val="1"/>
            </dgm:varLst>
            <dgm:alg type="tx"/>
            <dgm:choose name="Name7">
              <dgm:if name="Name8" func="var" arg="dir" op="equ" val="norm">
                <dgm:choose name="Name9">
                  <dgm:if name="Name10" axis="self" ptType="node" func="pos" op="equ" val="1">
                    <dgm:shape xmlns:r="http://schemas.openxmlformats.org/officeDocument/2006/relationships" type="homePlate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4"/>
                    </dgm:constrLst>
                  </dgm:if>
                  <dgm:else name="Name11">
                    <dgm:shape xmlns:r="http://schemas.openxmlformats.org/officeDocument/2006/relationships" type="chevron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1"/>
                    </dgm:constrLst>
                  </dgm:else>
                </dgm:choose>
              </dgm:if>
              <dgm:else name="Name12">
                <dgm:choose name="Name13">
                  <dgm:if name="Name14" axis="self" ptType="node" func="pos" op="equ" val="1">
                    <dgm:shape xmlns:r="http://schemas.openxmlformats.org/officeDocument/2006/relationships" rot="180" type="homePlate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4"/>
                      <dgm:constr type="rMarg" refType="w" fact="0.1"/>
                    </dgm:constrLst>
                  </dgm:if>
                  <dgm:else name="Name15">
                    <dgm:shape xmlns:r="http://schemas.openxmlformats.org/officeDocument/2006/relationships" rot="180" type="chevron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1"/>
                    </dgm:constrLst>
                  </dgm:else>
                </dgm:choose>
              </dgm:else>
            </dgm:choose>
            <dgm:ruleLst>
              <dgm:rule type="primFontSz" val="5" fact="NaN" max="NaN"/>
            </dgm:ruleLst>
          </dgm:layoutNode>
          <dgm:forEach name="Name16" axis="followSib" ptType="sibTrans" cnt="1">
            <dgm:layoutNode name="parAndCh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17">
        <dgm:constrLst>
          <dgm:constr type="w" for="ch" forName="parTxOnly" refType="w"/>
          <dgm:constr type="primFontSz" for="ch" ptType="node" op="equ"/>
          <dgm:constr type="w" for="ch" forName="parSpace" refType="w" refFor="ch" refForName="parTxOnly" fact="-0.2"/>
          <dgm:constr type="w" for="ch" ptType="sibTrans" op="equ"/>
        </dgm:constrLst>
        <dgm:ruleLst/>
        <dgm:forEach name="Name18" axis="ch" ptType="node">
          <dgm:layoutNode name="parTxOnly">
            <dgm:varLst>
              <dgm:bulletEnabled val="1"/>
            </dgm:varLst>
            <dgm:alg type="tx"/>
            <dgm:presOf axis="desOrSelf" ptType="node"/>
            <dgm:choose name="Name19">
              <dgm:if name="Name20" func="var" arg="dir" op="equ" val="norm">
                <dgm:choose name="Name21">
                  <dgm:if name="Name22" axis="self" ptType="node" func="pos" op="equ" val="1">
                    <dgm:shape xmlns:r="http://schemas.openxmlformats.org/officeDocument/2006/relationships" type="homePlate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42"/>
                      <dgm:constr type="rMarg" refType="primFontSz" fact="0.105"/>
                    </dgm:constrLst>
                  </dgm:if>
                  <dgm:else name="Name23">
                    <dgm:shape xmlns:r="http://schemas.openxmlformats.org/officeDocument/2006/relationships" type="chevron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315"/>
                      <dgm:constr type="rMarg" refType="primFontSz" fact="0.105"/>
                    </dgm:constrLst>
                  </dgm:else>
                </dgm:choose>
              </dgm:if>
              <dgm:else name="Name24">
                <dgm:choose name="Name25">
                  <dgm:if name="Name26" axis="self" ptType="node" func="pos" op="equ" val="1">
                    <dgm:shape xmlns:r="http://schemas.openxmlformats.org/officeDocument/2006/relationships" rot="180" type="homePlate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105"/>
                      <dgm:constr type="rMarg" refType="primFontSz" fact="0.42"/>
                    </dgm:constrLst>
                  </dgm:if>
                  <dgm:else name="Name27">
                    <dgm:shape xmlns:r="http://schemas.openxmlformats.org/officeDocument/2006/relationships" rot="180" type="chevron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105"/>
                      <dgm:constr type="rMarg" refType="primFontSz" fact="0.315"/>
                    </dgm:constrLst>
                  </dgm:else>
                </dgm:choose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hChevron3">
  <dgm:title val=""/>
  <dgm:desc val=""/>
  <dgm:catLst>
    <dgm:cat type="process" pri="10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root des" func="maxDepth" op="gte" val="2">
        <dgm:constrLst>
          <dgm:constr type="w" for="ch" forName="parAndChTx" refType="w"/>
          <dgm:constr type="primFontSz" for="ch" ptType="node" op="equ"/>
          <dgm:constr type="w" for="ch" forName="parAndChSpace" refType="w" refFor="ch" refForName="parAndChTx" fact="-0.2"/>
          <dgm:constr type="w" for="ch" ptType="sibTrans" op="equ"/>
        </dgm:constrLst>
        <dgm:ruleLst/>
        <dgm:forEach name="Name6" axis="ch" ptType="node">
          <dgm:layoutNode name="parAndChTx">
            <dgm:varLst>
              <dgm:bulletEnabled val="1"/>
            </dgm:varLst>
            <dgm:alg type="tx"/>
            <dgm:choose name="Name7">
              <dgm:if name="Name8" func="var" arg="dir" op="equ" val="norm">
                <dgm:choose name="Name9">
                  <dgm:if name="Name10" axis="self" ptType="node" func="pos" op="equ" val="1">
                    <dgm:shape xmlns:r="http://schemas.openxmlformats.org/officeDocument/2006/relationships" type="homePlate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4"/>
                    </dgm:constrLst>
                  </dgm:if>
                  <dgm:else name="Name11">
                    <dgm:shape xmlns:r="http://schemas.openxmlformats.org/officeDocument/2006/relationships" type="chevron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1"/>
                    </dgm:constrLst>
                  </dgm:else>
                </dgm:choose>
              </dgm:if>
              <dgm:else name="Name12">
                <dgm:choose name="Name13">
                  <dgm:if name="Name14" axis="self" ptType="node" func="pos" op="equ" val="1">
                    <dgm:shape xmlns:r="http://schemas.openxmlformats.org/officeDocument/2006/relationships" rot="180" type="homePlate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4"/>
                      <dgm:constr type="rMarg" refType="w" fact="0.1"/>
                    </dgm:constrLst>
                  </dgm:if>
                  <dgm:else name="Name15">
                    <dgm:shape xmlns:r="http://schemas.openxmlformats.org/officeDocument/2006/relationships" rot="180" type="chevron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1"/>
                    </dgm:constrLst>
                  </dgm:else>
                </dgm:choose>
              </dgm:else>
            </dgm:choose>
            <dgm:ruleLst>
              <dgm:rule type="primFontSz" val="5" fact="NaN" max="NaN"/>
            </dgm:ruleLst>
          </dgm:layoutNode>
          <dgm:forEach name="Name16" axis="followSib" ptType="sibTrans" cnt="1">
            <dgm:layoutNode name="parAndCh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17">
        <dgm:constrLst>
          <dgm:constr type="w" for="ch" forName="parTxOnly" refType="w"/>
          <dgm:constr type="primFontSz" for="ch" ptType="node" op="equ"/>
          <dgm:constr type="w" for="ch" forName="parSpace" refType="w" refFor="ch" refForName="parTxOnly" fact="-0.2"/>
          <dgm:constr type="w" for="ch" ptType="sibTrans" op="equ"/>
        </dgm:constrLst>
        <dgm:ruleLst/>
        <dgm:forEach name="Name18" axis="ch" ptType="node">
          <dgm:layoutNode name="parTxOnly">
            <dgm:varLst>
              <dgm:bulletEnabled val="1"/>
            </dgm:varLst>
            <dgm:alg type="tx"/>
            <dgm:presOf axis="desOrSelf" ptType="node"/>
            <dgm:choose name="Name19">
              <dgm:if name="Name20" func="var" arg="dir" op="equ" val="norm">
                <dgm:choose name="Name21">
                  <dgm:if name="Name22" axis="self" ptType="node" func="pos" op="equ" val="1">
                    <dgm:shape xmlns:r="http://schemas.openxmlformats.org/officeDocument/2006/relationships" type="homePlate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42"/>
                      <dgm:constr type="rMarg" refType="primFontSz" fact="0.105"/>
                    </dgm:constrLst>
                  </dgm:if>
                  <dgm:else name="Name23">
                    <dgm:shape xmlns:r="http://schemas.openxmlformats.org/officeDocument/2006/relationships" type="chevron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315"/>
                      <dgm:constr type="rMarg" refType="primFontSz" fact="0.105"/>
                    </dgm:constrLst>
                  </dgm:else>
                </dgm:choose>
              </dgm:if>
              <dgm:else name="Name24">
                <dgm:choose name="Name25">
                  <dgm:if name="Name26" axis="self" ptType="node" func="pos" op="equ" val="1">
                    <dgm:shape xmlns:r="http://schemas.openxmlformats.org/officeDocument/2006/relationships" rot="180" type="homePlate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105"/>
                      <dgm:constr type="rMarg" refType="primFontSz" fact="0.42"/>
                    </dgm:constrLst>
                  </dgm:if>
                  <dgm:else name="Name27">
                    <dgm:shape xmlns:r="http://schemas.openxmlformats.org/officeDocument/2006/relationships" rot="180" type="chevron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105"/>
                      <dgm:constr type="rMarg" refType="primFontSz" fact="0.315"/>
                    </dgm:constrLst>
                  </dgm:else>
                </dgm:choose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layout5.xml><?xml version="1.0" encoding="utf-8"?>
<dgm:layoutDef xmlns:dgm="http://schemas.openxmlformats.org/drawingml/2006/diagram" xmlns:a="http://schemas.openxmlformats.org/drawingml/2006/main" uniqueId="urn:microsoft.com/office/officeart/2005/8/layout/hChevron3">
  <dgm:title val=""/>
  <dgm:desc val=""/>
  <dgm:catLst>
    <dgm:cat type="process" pri="10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root des" func="maxDepth" op="gte" val="2">
        <dgm:constrLst>
          <dgm:constr type="w" for="ch" forName="parAndChTx" refType="w"/>
          <dgm:constr type="primFontSz" for="ch" ptType="node" op="equ"/>
          <dgm:constr type="w" for="ch" forName="parAndChSpace" refType="w" refFor="ch" refForName="parAndChTx" fact="-0.2"/>
          <dgm:constr type="w" for="ch" ptType="sibTrans" op="equ"/>
        </dgm:constrLst>
        <dgm:ruleLst/>
        <dgm:forEach name="Name6" axis="ch" ptType="node">
          <dgm:layoutNode name="parAndChTx">
            <dgm:varLst>
              <dgm:bulletEnabled val="1"/>
            </dgm:varLst>
            <dgm:alg type="tx"/>
            <dgm:choose name="Name7">
              <dgm:if name="Name8" func="var" arg="dir" op="equ" val="norm">
                <dgm:choose name="Name9">
                  <dgm:if name="Name10" axis="self" ptType="node" func="pos" op="equ" val="1">
                    <dgm:shape xmlns:r="http://schemas.openxmlformats.org/officeDocument/2006/relationships" type="homePlate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4"/>
                    </dgm:constrLst>
                  </dgm:if>
                  <dgm:else name="Name11">
                    <dgm:shape xmlns:r="http://schemas.openxmlformats.org/officeDocument/2006/relationships" type="chevron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1"/>
                    </dgm:constrLst>
                  </dgm:else>
                </dgm:choose>
              </dgm:if>
              <dgm:else name="Name12">
                <dgm:choose name="Name13">
                  <dgm:if name="Name14" axis="self" ptType="node" func="pos" op="equ" val="1">
                    <dgm:shape xmlns:r="http://schemas.openxmlformats.org/officeDocument/2006/relationships" rot="180" type="homePlate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4"/>
                      <dgm:constr type="rMarg" refType="w" fact="0.1"/>
                    </dgm:constrLst>
                  </dgm:if>
                  <dgm:else name="Name15">
                    <dgm:shape xmlns:r="http://schemas.openxmlformats.org/officeDocument/2006/relationships" rot="180" type="chevron" r:blip="">
                      <dgm:adjLst>
                        <dgm:adj idx="1" val="0.25"/>
                      </dgm:adjLst>
                    </dgm:shape>
                    <dgm:presOf axis="desOrSelf" ptType="node"/>
                    <dgm:constrLst>
                      <dgm:constr type="h" refType="w" op="equ" fact="0.8"/>
                      <dgm:constr type="primFontSz" val="65"/>
                      <dgm:constr type="tMarg" refType="primFontSz" fact="0.2"/>
                      <dgm:constr type="bMarg" refType="primFontSz" fact="0.2"/>
                      <dgm:constr type="lMarg" refType="w" fact="0.1"/>
                      <dgm:constr type="rMarg" refType="w" fact="0.1"/>
                    </dgm:constrLst>
                  </dgm:else>
                </dgm:choose>
              </dgm:else>
            </dgm:choose>
            <dgm:ruleLst>
              <dgm:rule type="primFontSz" val="5" fact="NaN" max="NaN"/>
            </dgm:ruleLst>
          </dgm:layoutNode>
          <dgm:forEach name="Name16" axis="followSib" ptType="sibTrans" cnt="1">
            <dgm:layoutNode name="parAndCh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if>
      <dgm:else name="Name17">
        <dgm:constrLst>
          <dgm:constr type="w" for="ch" forName="parTxOnly" refType="w"/>
          <dgm:constr type="primFontSz" for="ch" ptType="node" op="equ"/>
          <dgm:constr type="w" for="ch" forName="parSpace" refType="w" refFor="ch" refForName="parTxOnly" fact="-0.2"/>
          <dgm:constr type="w" for="ch" ptType="sibTrans" op="equ"/>
        </dgm:constrLst>
        <dgm:ruleLst/>
        <dgm:forEach name="Name18" axis="ch" ptType="node">
          <dgm:layoutNode name="parTxOnly">
            <dgm:varLst>
              <dgm:bulletEnabled val="1"/>
            </dgm:varLst>
            <dgm:alg type="tx"/>
            <dgm:presOf axis="desOrSelf" ptType="node"/>
            <dgm:choose name="Name19">
              <dgm:if name="Name20" func="var" arg="dir" op="equ" val="norm">
                <dgm:choose name="Name21">
                  <dgm:if name="Name22" axis="self" ptType="node" func="pos" op="equ" val="1">
                    <dgm:shape xmlns:r="http://schemas.openxmlformats.org/officeDocument/2006/relationships" type="homePlate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42"/>
                      <dgm:constr type="rMarg" refType="primFontSz" fact="0.105"/>
                    </dgm:constrLst>
                  </dgm:if>
                  <dgm:else name="Name23">
                    <dgm:shape xmlns:r="http://schemas.openxmlformats.org/officeDocument/2006/relationships" type="chevron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315"/>
                      <dgm:constr type="rMarg" refType="primFontSz" fact="0.105"/>
                    </dgm:constrLst>
                  </dgm:else>
                </dgm:choose>
              </dgm:if>
              <dgm:else name="Name24">
                <dgm:choose name="Name25">
                  <dgm:if name="Name26" axis="self" ptType="node" func="pos" op="equ" val="1">
                    <dgm:shape xmlns:r="http://schemas.openxmlformats.org/officeDocument/2006/relationships" rot="180" type="homePlate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105"/>
                      <dgm:constr type="rMarg" refType="primFontSz" fact="0.42"/>
                    </dgm:constrLst>
                  </dgm:if>
                  <dgm:else name="Name27">
                    <dgm:shape xmlns:r="http://schemas.openxmlformats.org/officeDocument/2006/relationships" rot="180" type="chevron" r:blip="">
                      <dgm:adjLst/>
                    </dgm:shape>
                    <dgm:constrLst>
                      <dgm:constr type="h" refType="w" op="equ" fact="0.4"/>
                      <dgm:constr type="primFontSz" val="65"/>
                      <dgm:constr type="tMarg" refType="primFontSz" fact="0.21"/>
                      <dgm:constr type="bMarg" refType="primFontSz" fact="0.21"/>
                      <dgm:constr type="lMarg" refType="primFontSz" fact="0.105"/>
                      <dgm:constr type="rMarg" refType="primFontSz" fact="0.315"/>
                    </dgm:constrLst>
                  </dgm:else>
                </dgm:choose>
              </dgm:else>
            </dgm:choose>
            <dgm:ruleLst>
              <dgm:rule type="primFontSz" val="5" fact="NaN" max="NaN"/>
            </dgm:ruleLst>
          </dgm:layoutNode>
          <dgm:forEach name="Name28" axis="followSib" ptType="sibTrans" cnt="1">
            <dgm:layoutNode name="parSpac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else>
    </dgm:choose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5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7T11:00:57.243"/>
    </inkml:context>
    <inkml:brush xml:id="br0">
      <inkml:brushProperty name="width" value="0.2" units="cm"/>
      <inkml:brushProperty name="height" value="0.2" units="cm"/>
      <inkml:brushProperty name="color" value="#FFFFFF"/>
    </inkml:brush>
  </inkml:definitions>
  <inkml:trace contextRef="#ctx0" brushRef="#br0">20379 3746 16383 0 0,'0'0'0'0'0</inkml:trace>
</inkml:ink>
</file>

<file path=ppt/ink/ink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7T09:51:46.729"/>
    </inkml:context>
    <inkml:brush xml:id="br0">
      <inkml:brushProperty name="width" value="0.2" units="cm"/>
      <inkml:brushProperty name="height" value="0.4" units="cm"/>
      <inkml:brushProperty name="color" value="#A9D8FF"/>
      <inkml:brushProperty name="tip" value="rectangle"/>
      <inkml:brushProperty name="rasterOp" value="maskPen"/>
    </inkml:brush>
  </inkml:definitions>
  <inkml:trace contextRef="#ctx0" brushRef="#br0">27221 12975 16383 0 0,'1'0'0'0'0,"7"0"0"0"0,15 0 0 0 0,23 0 0 0 0,21 0 0 0 0,16 0 0 0 0,8 0 0 0 0,1 0 0 0 0,-4 0 0 0 0,-7 0 0 0 0,-8 0 0 0 0,-9 0 0 0 0,-12 0 0 0 0,-13 0 0 0 0,-12-1 0 0 0,-10 0 0 0 0</inkml:trace>
</inkml:ink>
</file>

<file path=ppt/ink/ink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7T11:17:55.781"/>
    </inkml:context>
    <inkml:brush xml:id="br0">
      <inkml:brushProperty name="width" value="0.2" units="cm"/>
      <inkml:brushProperty name="height" value="0.2" units="cm"/>
      <inkml:brushProperty name="color" value="#FFFFFF"/>
    </inkml:brush>
  </inkml:definitions>
  <inkml:trace contextRef="#ctx0" brushRef="#br0">22467 3383 16383 0 0,'-1'0'0'0'0,"-1"1"0"0"0,0 3 0 0 0,0 5 0 0 0,0 5 0 0 0,1 3 0 0 0,0 1 0 0 0,1 1 0 0 0,0-2 0 0 0,-1-1 0 0 0,-2 1 0 0 0,-4 2 0 0 0,-2 1 0 0 0,-1-1 0 0 0,-1-2 0 0 0,1-5 0 0 0,1-4 0 0 0,1-4 0 0 0,1-3 0 0 0,0-3 0 0 0,1-7 0 0 0,1-2 0 0 0,2 0 0 0 0,2 1 0 0 0,2 3 0 0 0,3 1 0 0 0,0-2 0 0 0,1-2 0 0 0,0-3 0 0 0,1-2 0 0 0,-1-1 0 0 0,-1 0 0 0 0,0 1 0 0 0,-3 1 0 0 0,0 4 0 0 0</inkml:trace>
</inkml:ink>
</file>

<file path=ppt/ink/ink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7T21:20:11.979"/>
    </inkml:context>
    <inkml:brush xml:id="br0">
      <inkml:brushProperty name="width" value="0.1" units="cm"/>
      <inkml:brushProperty name="height" value="0.1" units="cm"/>
      <inkml:brushProperty name="color" value="#FFFFFF"/>
    </inkml:brush>
  </inkml:definitions>
  <inkml:trace contextRef="#ctx0" brushRef="#br0">24823 3560 16383 0 0,'0'-1'0'0'0,"-2"-1"0"0"0,-1-1 0 0 0,-4 0 0 0 0,-3 5 0 0 0,1 19 0 0 0,0 23 0 0 0,4 21 0 0 0,7 13 0 0 0,7-1 0 0 0,5-11 0 0 0,2-15 0 0 0,-2-18 0 0 0,-3-17 0 0 0,-3-16 0 0 0,-4-16 0 0 0,-1-10 0 0 0,-3-8 0 0 0,0-2 0 0 0,-1-1 0 0 0,-2 2 0 0 0,-3 1 0 0 0,-5 3 0 0 0,-4 0 0 0 0,-4 2 0 0 0,-3 1 0 0 0,-1 3 0 0 0,0 4 0 0 0,4 5 0 0 0,3 5 0 0 0,6 9 0 0 0,4 10 0 0 0,3 12 0 0 0,3 7 0 0 0,6 3 0 0 0,9-3 0 0 0,10-7 0 0 0,11-14 0 0 0,7-21 0 0 0,2-22 0 0 0,-2-13 0 0 0,-7-4 0 0 0,-10 6 0 0 0,-10 10 0 0 0,-10 12 0 0 0,-13 10 0 0 0,-11 11 0 0 0,-10 12 0 0 0,-4 7 0 0 0,-1 7 0 0 0,3 3 0 0 0,8 0 0 0 0,6-1 0 0 0,7-2 0 0 0,5-2 0 0 0,3-2 0 0 0,8 1 0 0 0,8-1 0 0 0,8 1 0 0 0,4 1 0 0 0,2-2 0 0 0,-5-3 0 0 0</inkml:trace>
</inkml:ink>
</file>

<file path=ppt/ink/ink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7T21:20:11.980"/>
    </inkml:context>
    <inkml:brush xml:id="br0">
      <inkml:brushProperty name="width" value="0.2" units="cm"/>
      <inkml:brushProperty name="height" value="0.2" units="cm"/>
      <inkml:brushProperty name="color" value="#FFFFFF"/>
    </inkml:brush>
  </inkml:definitions>
  <inkml:trace contextRef="#ctx0" brushRef="#br0">24694 3667 16383 0 0,'1'1'0'0'0,"6"-1"0"0"0,11 0 0 0 0,12-1 0 0 0,8-5 0 0 0,2-8 0 0 0,-2-7 0 0 0,-8-9 0 0 0,-7-5 0 0 0,-9 0 0 0 0,-13 3 0 0 0,-15 7 0 0 0,-16 8 0 0 0,-13 11 0 0 0,-8 15 0 0 0,-3 15 0 0 0,3 12 0 0 0,8 4 0 0 0,10 2 0 0 0,10-4 0 0 0,8-4 0 0 0,8-4 0 0 0,4-5 0 0 0,3-5 0 0 0,2-7 0 0 0,2-5 0 0 0,2-4 0 0 0,4-3 0 0 0,2-1 0 0 0,-1-1 0 0 0,-1-3 0 0 0,-4-4 0 0 0,-1-6 0 0 0,-5-7 0 0 0,-5-5 0 0 0,-9-3 0 0 0,-6 1 0 0 0,-4 4 0 0 0,-1 7 0 0 0,3 5 0 0 0,3 6 0 0 0,6 4 0 0 0,4 7 0 0 0,4 8 0 0 0,3 10 0 0 0,3 5 0 0 0,3 2 0 0 0,6-2 0 0 0,5-5 0 0 0,2-7 0 0 0,1-6 0 0 0,-1-6 0 0 0,-1-6 0 0 0,-2-11 0 0 0,-3-9 0 0 0,-3-12 0 0 0,-4-7 0 0 0,-1-5 0 0 0,-3 1 0 0 0,-4 4 0 0 0,-5 9 0 0 0,-5 8 0 0 0,-4 9 0 0 0,-3 7 0 0 0,-1 12 0 0 0,2 13 0 0 0,3 13 0 0 0,4 11 0 0 0,5 5 0 0 0,6 1 0 0 0,9-4 0 0 0,12-8 0 0 0,13-10 0 0 0,10-9 0 0 0,7-7 0 0 0,2-8 0 0 0,-2-7 0 0 0,-5-6 0 0 0,-8-4 0 0 0,-8-2 0 0 0,-8 0 0 0 0,-7 1 0 0 0,-6 1 0 0 0,-3 2 0 0 0,-3 3 0 0 0,-2 2 0 0 0,-4 4 0 0 0,-6 2 0 0 0,-7 5 0 0 0,-4 7 0 0 0,-1 5 0 0 0,2 4 0 0 0,3 3 0 0 0,5 2 0 0 0,5 3 0 0 0,4 1 0 0 0,4 0 0 0 0,6-2 0 0 0,6-5 0 0 0,4-5 0 0 0,2-5 0 0 0,2-4 0 0 0,-1-3 0 0 0,0-3 0 0 0,-1-2 0 0 0,-1-4 0 0 0,-1-5 0 0 0,-3-4 0 0 0,-3-2 0 0 0,-2-1 0 0 0,-2 0 0 0 0,-2 1 0 0 0,-1 2 0 0 0,0 2 0 0 0,0 2 0 0 0,-1 1 0 0 0,1 1 0 0 0,-1-1 0 0 0,1-1 0 0 0,0-2 0 0 0,0 1 0 0 0,-1 1 0 0 0,0 2 0 0 0,-1 0 0 0 0,0 1 0 0 0,-1 1 0 0 0,0 2 0 0 0,0-1 0 0 0,-1 0 0 0 0,-2 0 0 0 0,-4 0 0 0 0,-4 1 0 0 0,-6 2 0 0 0,-5 1 0 0 0,-5 1 0 0 0,-4 0 0 0 0,-2 1 0 0 0,-1 0 0 0 0,3 0 0 0 0,0 1 0 0 0,1-1 0 0 0,3 0 0 0 0,0 0 0 0 0,3-3 0 0 0,1-2 0 0 0,4-1 0 0 0,3-3 0 0 0,3 0 0 0 0,2 0 0 0 0,2 0 0 0 0,0 0 0 0 0,1 1 0 0 0,0 1 0 0 0,-1-1 0 0 0,-1 0 0 0 0,0 1 0 0 0,1 2 0 0 0,2 0 0 0 0,2 1 0 0 0,0 1 0 0 0,1 5 0 0 0,1 5 0 0 0,1 7 0 0 0,-1 6 0 0 0,1 3 0 0 0,0 3 0 0 0,-1-1 0 0 0,1 0 0 0 0,0-1 0 0 0,1-2 0 0 0,1-1 0 0 0,0-2 0 0 0,0-4 0 0 0,0-3 0 0 0,0-3 0 0 0,0-3 0 0 0,0 0 0 0 0,0-1 0 0 0,0 0 0 0 0,0 0 0 0 0,0 1 0 0 0,0 1 0 0 0,0 0 0 0 0,0 1 0 0 0,0 0 0 0 0,0 1 0 0 0,0 2 0 0 0,0-1 0 0 0,0 0 0 0 0,0-2 0 0 0,0-2 0 0 0,0-5 0 0 0,0-5 0 0 0,0-9 0 0 0,0-8 0 0 0,0-4 0 0 0,0-4 0 0 0,0-1 0 0 0,0 1 0 0 0,0 2 0 0 0,0 3 0 0 0,0 3 0 0 0,0 2 0 0 0,0 3 0 0 0,0 0 0 0 0,0 0 0 0 0,0 0 0 0 0,0 2 0 0 0,0 1 0 0 0,0 3 0 0 0</inkml:trace>
</inkml:ink>
</file>

<file path=ppt/ink/ink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48:41.595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1 0 24575,'5'0'0,"3"0"0,6 0 0,3 0 0,3 0 0,-2 0-8191</inkml:trace>
</inkml:ink>
</file>

<file path=ppt/ink/ink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48:46.254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71 1 24575,'-2'0'0,"1"0"0,-1 0 0,0 0 0,1 1 0,-1-1 0,1 0 0,-1 1 0,0-1 0,1 1 0,-1 0 0,1-1 0,-1 1 0,1 0 0,-1 0 0,1 0 0,0 0 0,0 0 0,-1 0 0,1 0 0,0 1 0,-2 1 0,2 0 0,-1 0 0,1 1 0,-1-1 0,1 0 0,0 1 0,0-1 0,0 1 0,1-1 0,-1 8 0,1-2 0,0 1 0,0 0 0,1 0 0,1-1 0,0 1 0,0-1 0,4 11 0,2-1 0,-2 1 0,-1 0 0,0 0 0,-1 0 0,-1 0 0,-1 1 0,-1-1 0,-2 33 0,1-60 0,2-6 0,-2-1 0,1 1 0,-1-1 0,-1 1 0,-1-1 0,-4-20 0,6 33 0,0 1 0,0 0 0,0-1 0,0 1 0,0-1 0,-1 1 0,1 0 0,0-1 0,0 1 0,0-1 0,-1 1 0,1 0 0,0-1 0,0 1 0,-1 0 0,1 0 0,0-1 0,-1 1 0,1 0 0,0-1 0,-1 1 0,1 0 0,0 0 0,-1 0 0,1 0 0,-1-1 0,1 1 0,0 0 0,-1 0 0,0 0 0,-6 10 0,1 20 0,6 9 0,0-30 0,0 0 0,0 0 0,0-1 0,-1 1 0,-3 13 0,4-22 0,0 1 0,-1 0 0,1 0 0,0 0 0,-1 0 0,1 0 0,-1 0 0,1 0 0,-1-1 0,1 1 0,-1 0 0,1 0 0,-1-1 0,0 1 0,0 0 0,-1 0 0,2-1 0,0 0 0,-1 0 0,1 1 0,-1-1 0,1 0 0,-1 0 0,1 0 0,0 0 0,-1 0 0,1-1 0,-1 1 0,1 0 0,-1 0 0,1 0 0,0 0 0,-1 0 0,1 0 0,-1-1 0,1 1 0,0 0 0,-1 0 0,1-1 0,0 1 0,-1-1 0,-1-1 0,0 1 0,1-1 0,-1 0 0,1-1 0,0 1 0,0 0 0,-1 0 0,2-1 0,-1 1 0,0 0 0,0-3 0,-1-12 0,0 0 0,2 0 0,0 0 0,1 0 0,5-25 0,2-40 0,-5 28-1365,0 42-5461</inkml:trace>
</inkml:ink>
</file>

<file path=ppt/ink/ink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1:44:34.613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 0 24575,'0'0'-8191</inkml:trace>
</inkml:ink>
</file>

<file path=ppt/ink/ink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1:44:34.958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 0 24575</inkml:trace>
</inkml:ink>
</file>

<file path=ppt/ink/ink1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1:44:35.304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0 1 24575,'0'3'0,"0"6"0,0 6 0,0-1-8191</inkml:trace>
</inkml:ink>
</file>

<file path=ppt/ink/ink1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1:44:35.633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0 0 24575,'0'3'0,"0"7"0,0 4 0,0 6 0,0 2 0,0 3 0,3-2 0,1-3 0,-1-4-8191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7T11:05:57.771"/>
    </inkml:context>
    <inkml:brush xml:id="br0">
      <inkml:brushProperty name="width" value="0.2" units="cm"/>
      <inkml:brushProperty name="height" value="0.2" units="cm"/>
      <inkml:brushProperty name="color" value="#FFFFFF"/>
    </inkml:brush>
  </inkml:definitions>
  <inkml:trace contextRef="#ctx0" brushRef="#br0">21327 3887 16383 0 0,'0'0'0'0'0,"2"0"0"0"0</inkml:trace>
</inkml:ink>
</file>

<file path=ppt/ink/ink2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1:44:35.962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0 1 24575,'3'0'0,"1"3"0</inkml:trace>
  <inkml:trace contextRef="#ctx0" brushRef="#br0" timeOffset="1">51 51 24575,'5'0'0,"6"0"0,6 0 0,0 3 0,0 1 0,-2 0-8191</inkml:trace>
</inkml:ink>
</file>

<file path=ppt/ink/ink2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1:44:36.338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 0 24575,'3'0'0,"6"0"0,6 0 0,2 0 0,4 0 0,2 0 0,2 0 0,0 0 0,-4 0-8191</inkml:trace>
  <inkml:trace contextRef="#ctx0" brushRef="#br0" timeOffset="1">425 17 24575,'5'0'0,"6"0"0,6 0 0,3 0 0,1 0 0,-3-6 0,-5-1-8191</inkml:trace>
</inkml:ink>
</file>

<file path=ppt/ink/ink2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1:44:36.684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0 204 24575,'0'-3'0</inkml:trace>
  <inkml:trace contextRef="#ctx0" brushRef="#br0" timeOffset="1">0 68 24575,'0'-6'0,"0"-4"0,0-4 0,0-5 0,0 0-8191</inkml:trace>
</inkml:ink>
</file>

<file path=ppt/ink/ink2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1:44:37.014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0 83 24575,'0'-3'0,"0"-4"0,0-6 0,0-4 0,0-5 0,0 2-8191</inkml:trace>
</inkml:ink>
</file>

<file path=ppt/ink/ink2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1:44:34.267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0 0 24575,'0'0'-8191</inkml:trace>
</inkml:ink>
</file>

<file path=ppt/ink/ink2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1:44:37.344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76 92 24575,'-6'0'0,"-5"0"0,0-6 0,-4-2 0,0 1-8191</inkml:trace>
  <inkml:trace contextRef="#ctx0" brushRef="#br0" timeOffset="1">6 8 24575,'0'-3'0,"-6"-1"0</inkml:trace>
</inkml:ink>
</file>

<file path=ppt/ink/ink2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1:44:37.659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 1 24575,'0'0'-8191</inkml:trace>
</inkml:ink>
</file>

<file path=ppt/ink/ink2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09:49.612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0'0'-8191</inkml:trace>
</inkml:ink>
</file>

<file path=ppt/ink/ink2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09:50.774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0'0'-8191</inkml:trace>
</inkml:ink>
</file>

<file path=ppt/ink/ink2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09:51.998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0'-1'-8191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7T11:06:02.917"/>
    </inkml:context>
    <inkml:brush xml:id="br0">
      <inkml:brushProperty name="width" value="0.2" units="cm"/>
      <inkml:brushProperty name="height" value="0.2" units="cm"/>
      <inkml:brushProperty name="color" value="#FFFFFF"/>
    </inkml:brush>
  </inkml:definitions>
  <inkml:trace contextRef="#ctx0" brushRef="#br0">21887 4147 16383 0 0,'0'-2'0'0'0,"0"-3"0"0"0,0-7 0 0 0,0-6 0 0 0,0-1 0 0 0,-1 2 0 0 0,-1 4 0 0 0,-5 4 0 0 0,-6 3 0 0 0,-5 4 0 0 0,0 1 0 0 0,0 3 0 0 0,3 2 0 0 0,5 3 0 0 0,3-1 0 0 0,3-3 0 0 0,3-5 0 0 0,0-8 0 0 0,2-6 0 0 0,0-3 0 0 0,-1-1 0 0 0,1 3 0 0 0,-1 7 0 0 0,1 8 0 0 0,-1 6 0 0 0,1 5 0 0 0,6 3 0 0 0,9 0 0 0 0,8-2 0 0 0,4-2 0 0 0,2-3 0 0 0,-1-2 0 0 0,-2-2 0 0 0,-5-1 0 0 0,-4 0 0 0 0,-5-2 0 0 0,-5-1 0 0 0,-3-2 0 0 0,-1-1 0 0 0,-2-1 0 0 0,0 0 0 0 0,-2 0 0 0 0,1-2 0 0 0,-1-1 0 0 0,0 0 0 0 0,0-2 0 0 0,-2 1 0 0 0,-5 0 0 0 0,-4 1 0 0 0,-5 2 0 0 0,-3 1 0 0 0,-3 0 0 0 0,-1 1 0 0 0,0 0 0 0 0,-1-2 0 0 0,2 1 0 0 0,0 0 0 0 0,2 0 0 0 0,1 2 0 0 0,1 1 0 0 0,2 1 0 0 0,2 1 0 0 0,2-1 0 0 0,3-1 0 0 0,3-1 0 0 0,3-2 0 0 0,2-2 0 0 0,4-2 0 0 0,2 1 0 0 0,0 0 0 0 0,0 0 0 0 0,1 2 0 0 0,-2 0 0 0 0,0 0 0 0 0,-2 0 0 0 0,-1 1 0 0 0,0-1 0 0 0,-1 1 0 0 0,3 1 0 0 0,0 4 0 0 0,2 2 0 0 0,2 5 0 0 0,1 2 0 0 0,1 2 0 0 0,1 1 0 0 0,-1 0 0 0 0,0 0 0 0 0,-1-2 0 0 0,0-1 0 0 0,-2-2 0 0 0,0-1 0 0 0,0-2 0 0 0,0 0 0 0 0,-1 0 0 0 0,1 0 0 0 0,0 1 0 0 0,2 1 0 0 0,-1-1 0 0 0,-1-1 0 0 0,0 1 0 0 0,-2 0 0 0 0,2-1 0 0 0,-1 1 0 0 0,0-1 0 0 0,-1 1 0 0 0,0 0 0 0 0,1 0 0 0 0,-1 0 0 0 0,1 0 0 0 0,-1-1 0 0 0,0 0 0 0 0,0 0 0 0 0,-1 1 0 0 0,1 0 0 0 0,2 1 0 0 0,-1 0 0 0 0,3 0 0 0 0,-1 1 0 0 0,1 0 0 0 0,-1-1 0 0 0,0 0 0 0 0,-2 0 0 0 0,1 0 0 0 0,0-2 0 0 0,0 1 0 0 0,-3-1 0 0 0,0 1 0 0 0</inkml:trace>
</inkml:ink>
</file>

<file path=ppt/ink/ink3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09:52.422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7'0'0,"3"0"-8191</inkml:trace>
</inkml:ink>
</file>

<file path=ppt/ink/ink3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09:53.222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0'-1'-8191</inkml:trace>
</inkml:ink>
</file>

<file path=ppt/ink/ink3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2.166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0'0'-8191</inkml:trace>
</inkml:ink>
</file>

<file path=ppt/ink/ink3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2.951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0'-1'-8191</inkml:trace>
</inkml:ink>
</file>

<file path=ppt/ink/ink3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3.280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</inkml:trace>
</inkml:ink>
</file>

<file path=ppt/ink/ink3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3.641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5 24575,'7'0'0,"3"-4"0</inkml:trace>
</inkml:ink>
</file>

<file path=ppt/ink/ink3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4.708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0'0'-8191</inkml:trace>
</inkml:ink>
</file>

<file path=ppt/ink/ink3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5.178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0'0'-8191</inkml:trace>
</inkml:ink>
</file>

<file path=ppt/ink/ink3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5.555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204 1 24575,'-3'0'0,"-9"0"0,-6 0 0,-7 0 0,-3 0 0,-3 0 0,-1 0 0,2 0 0,6 0-8191</inkml:trace>
</inkml:ink>
</file>

<file path=ppt/ink/ink3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6.010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5 24575,'0'-4'0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09:00.215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135 68 24575,'-6'0'0,"1"-1"0,-1 0 0,0 0 0,1 0 0,-1-1 0,1 1 0,-1-1 0,1-1 0,0 1 0,0-1 0,0 0 0,0 0 0,1 0 0,-1-1 0,1 0 0,0 0 0,0 0 0,-5-6 0,7 8-40,0 0-1,-1 1 0,1 0 1,0-1-1,-1 1 1,1 0-1,-1 0 0,0 0 1,-4-1-1,1 1-918</inkml:trace>
</inkml:ink>
</file>

<file path=ppt/ink/ink4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6.340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0'0'-8191</inkml:trace>
  <inkml:trace contextRef="#ctx0" brushRef="#br0" timeOffset="1">0 1 24575,'0'0'-8191</inkml:trace>
</inkml:ink>
</file>

<file path=ppt/ink/ink4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7.846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0'0'-8191</inkml:trace>
</inkml:ink>
</file>

<file path=ppt/ink/ink4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8.191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</inkml:trace>
</inkml:ink>
</file>

<file path=ppt/ink/ink4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18.521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1'1'0,"0"1"0,1 0 0,-1-1 0,0 1 0,1-1 0,-1 0 0,1 1 0,0-1 0,-1 0 0,1 0 0,0 0 0,0 0 0,-1 0 0,1 0 0,0-1 0,4 2 0,9 5 0,-7-1 0,0 0 0,-1 0 0,1 1 0,-1 0 0,0 0 0,-1 1 0,0 0 0,0 0 0,8 17 0,-2 1 0,-2 0 0,9 33 0,-18-58 0,37 100-1365,-32-79-5461</inkml:trace>
  <inkml:trace contextRef="#ctx0" brushRef="#br0" timeOffset="1">381 827 24575,'7'-1'0,"6"1"0,8 1 0,4-1 0,-2-1-8191</inkml:trace>
  <inkml:trace contextRef="#ctx0" brushRef="#br0" timeOffset="2">550 827 24575,'0'-1'-8191</inkml:trace>
</inkml:ink>
</file>

<file path=ppt/ink/ink4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20.012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1 1 24575,'0'0'-8191</inkml:trace>
</inkml:ink>
</file>

<file path=ppt/ink/ink4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20.342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1 0 24575,'4'0'0</inkml:trace>
</inkml:ink>
</file>

<file path=ppt/ink/ink4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21.252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1 2657 24575,'5'-6'0,"0"0"0,0-1 0,-1 0 0,0 0 0,5-12 0,7-11 0,6 0-236,1 1-1,1 2 1,1 0-1,47-38 1,-35 34-164,60-70 1,-75 77 516,1 0 1,27-21 0,-22 21 24,28-31 1,-20 17-479,3 2 1,64-47-1,14-12-170,9-21 506,-62 62-265,-1-3 0,-4-2 0,80-102 0,-113 130 265,42-39 0,10-10 0,-39 37 0,-25 28 0,0 0 0,-1-1 0,0-1 0,14-26 0,13-25 81,75-99 0,-64 99 256,47-86-1,-2-20-1452,-87 161 1296,-1-1 0,17-18 0,-14 19 93,-1 0-1,11-21 0,33-80 805,-38 76-945,2 0 1,41-65 0,-44 83-6959</inkml:trace>
</inkml:ink>
</file>

<file path=ppt/ink/ink4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21.895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0 24575,'0'0'-8191</inkml:trace>
</inkml:ink>
</file>

<file path=ppt/ink/ink4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22.696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1 23 24575,'0'-10'0,"0"-3"-8191</inkml:trace>
</inkml:ink>
</file>

<file path=ppt/ink/ink4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51:24.987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1 0 24575,'0'0'-8191</inkml:trace>
</inkml:ink>
</file>

<file path=ppt/ink/ink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7T11:03:44.765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0 1 24575,'0'1'0,"1"0"0,-1 0 0,0 1 0,1-1 0,-1 0 0,1 0 0,-1 0 0,1 0 0,0 0 0,-1 0 0,1 0 0,0 0 0,0 0 0,0 0 0,0 0 0,0 0 0,0 0 0,0-1 0,0 1 0,0 0 0,0-1 0,0 1 0,1-1 0,-1 1 0,0-1 0,0 0 0,0 1 0,1-1 0,1 0 0,42 5 0,-40-5 0,83 7 0,29 0 0,-103-7 0,27 0 0,-40 1 0,0-1 0,1 0 0,-1-1 0,1 1 0,-1 0 0,1 0 0,-1-1 0,0 1 0,1-1 0,-1 1 0,0-1 0,1 1 0,-1-1 0,0 0 0,0 0 0,1 0 0,-1 0 0,0 0 0,2-2 0,-3 3 3,-1-1 1,1 0-1,0 1 0,0-1 0,0 1 0,-1-1 0,1 1 0,0-1 1,0 0-1,-1 1 0,1-1 0,0 1 0,-1-1 0,1 1 0,-1 0 1,1-1-1,-1 1 0,1-1 0,-1 1 0,1 0 0,-1-1 0,1 1 1,-1 0-1,1 0 0,-1-1 0,0 1 0,0 0 0,-21-9-810,19 8 161,-10-3-6180</inkml:trace>
</inkml:ink>
</file>

<file path=ppt/ink/ink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7T11:06:04.849"/>
    </inkml:context>
    <inkml:brush xml:id="br0">
      <inkml:brushProperty name="width" value="0.1" units="cm"/>
      <inkml:brushProperty name="height" value="0.1" units="cm"/>
      <inkml:brushProperty name="color" value="#FFFFFF"/>
    </inkml:brush>
  </inkml:definitions>
  <inkml:trace contextRef="#ctx0" brushRef="#br0">191 311 24575,'616'0'0,"-1410"0"0,917 2 0,134-4 0,-188-5 0,42-1 0,-95 8 0,1-2 0,-1 0 0,0-1 0,0-1 0,18-6 0,16-4 0,-12 10 0,-32 4 0,0 0 0,1-1 0,-1 0 0,0 0 0,7-2 0,-16 1 0,-11-2 0,-17 0 0,7 3 0,0 1 0,-1-1 0,1-2 0,-46-9 0,36 4 0,-1 1 0,-56-3 0,56 9 0,0-2 0,1-2 0,-1-1 0,-35-11 0,47 11 0,-1 0 0,-43-2 0,46 5 0,-3 1 0,17 2 0,1 0 0,-1-1 0,1 0 0,-1 0 0,1 0 0,0-1 0,-1 0 0,1 0 0,-10-6 0,16 8 0,-1 0 0,1 0 0,0 0 0,0 0 0,0 0 0,0 0 0,0 0 0,0 0 0,0 0 0,-1 0 0,1 0 0,0 0 0,0 0 0,0 0 0,0-1 0,0 1 0,0 0 0,0 0 0,0 0 0,0 0 0,-1 0 0,1 0 0,0 0 0,0-1 0,0 1 0,0 0 0,0 0 0,0 0 0,0 0 0,0 0 0,0 0 0,0-1 0,0 1 0,0 0 0,0 0 0,0 0 0,0 0 0,0 0 0,0 0 0,0-1 0,0 1 0,0 0 0,0 0 0,0 0 0,0 0 0,1 0 0,-1 0 0,0 0 0,0-1 0,0 1 0,0 0 0,0 0 0,0 0 0,0 0 0,0 0 0,1 0 0,10-4 0,20 1 0,-27 3 0,48-4 0,122-5 0,-164 9 0,1-2 0,-1 1 0,1-2 0,19-6 0,17-3 0,172-17 0,-170 16 0,-39 9 0,1 1 0,0 0 0,0 1 0,19-2 0,-12 4 0,-8 0 0,1 0 0,-1-1 0,0 0 0,1-1 0,16-4 0,-85 2 0,-578 5 0,643 0 0,0 0 0,-1 0 0,1 0 0,0 1 0,10 5 0,26 5 0,69-1 0,141-5 0,-215-6 0,-32 0 0,1 1 0,-1-1 0,0 1 0,11 3 0,-16-4 0,0 0 0,0 0 0,0 1 0,-1-1 0,1 0 0,0 0 0,-1 0 0,1 1 0,0-1 0,0 0 0,-1 1 0,1-1 0,0 1 0,-1-1 0,1 1 0,-1-1 0,1 1 0,-1-1 0,1 1 0,-1 0 0,1-1 0,-1 1 0,1-1 0,-1 1 0,0 0 0,1 0 0,-1-1 0,0 1 0,0 0 0,0 0 0,1-1 0,-1 1 0,0 0 0,0 0 0,0-1 0,0 1 0,0 0 0,0 0 0,-1-1 0,1 1 0,0 0 0,0 0 0,0-1 0,-1 1 0,1 0 0,0 0 0,-1-1 0,1 1 0,-1-1 0,1 1 0,-1 0 0,1-1 0,-1 1 0,-1 1 0,0 0 0,0 0 0,0-1 0,0 1 0,0-1 0,-1 1 0,1-1 0,0 0 0,-1 0 0,1 0 0,-1 0 0,1 0 0,-4 0 0,-41 5 0,38-6 0,0 1 0,0 0 0,-15 4 0,7 0 0,0-1 0,1 0 0,-1-1 0,-30 1 0,-72-6 0,41 0 0,26 0 0,34 0 0,0 1 0,0 1 0,0 1 0,1 1 0,-1 0 0,-23 6 0,41-8 0,0 0 0,0 0 0,-1 0 0,1 0 0,0 0 0,0 0 0,-1 1 0,1-1 0,0 0 0,0 0 0,-1 0 0,1 0 0,0 0 0,0 0 0,0 1 0,-1-1 0,1 0 0,0 0 0,0 0 0,0 1 0,0-1 0,-1 0 0,1 0 0,0 0 0,0 1 0,0-1 0,0 0 0,0 0 0,0 1 0,0-1 0,0 0 0,0 0 0,0 1 0,0-1 0,0 0 0,0 0 0,0 1 0,0-1 0,0 0 0,8 9 0,16 4 0,-7-10 0,0 0 0,27 1 0,6 1 0,12 0 0,1-2 0,63-5 0,-22 0 0,-34 4 0,-30 0 0,70-6 0,-94-1-1365</inkml:trace>
</inkml:ink>
</file>

<file path=ppt/ink/ink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7T11:06:08.179"/>
    </inkml:context>
    <inkml:brush xml:id="br0">
      <inkml:brushProperty name="width" value="0.2" units="cm"/>
      <inkml:brushProperty name="height" value="0.2" units="cm"/>
      <inkml:brushProperty name="color" value="#FFFFFF"/>
    </inkml:brush>
  </inkml:definitions>
  <inkml:trace contextRef="#ctx0" brushRef="#br0">22496 4679 16383 0 0,'0'1'0'0'0,"1"1"0"0"0,8 0 0 0 0,18 0 0 0 0,22 0 0 0 0,19-1 0 0 0,14-1 0 0 0,3 1 0 0 0,-7-1 0 0 0,-12 0 0 0 0,-17-1 0 0 0,-18-2 0 0 0,-15-3 0 0 0,-15-5 0 0 0,-14-4 0 0 0,-13-2 0 0 0,-11 2 0 0 0,-9 3 0 0 0,-8 4 0 0 0,-7 4 0 0 0,-3 1 0 0 0,0 3 0 0 0,3 0 0 0 0,5 1 0 0 0,6-1 0 0 0,4 1 0 0 0,5 0 0 0 0,4-1 0 0 0,3 0 0 0 0,2 0 0 0 0,3 0 0 0 0,4 0 0 0 0,4 0 0 0 0,4 0 0 0 0,5 0 0 0 0,3 0 0 0 0,1 0 0 0 0,2 0 0 0 0,-1 0 0 0 0,2 1 0 0 0,1 1 0 0 0,1 2 0 0 0,3 4 0 0 0,11 4 0 0 0,15 4 0 0 0,18 2 0 0 0,14-1 0 0 0,8 0 0 0 0,1-2 0 0 0,-4-4 0 0 0,-8-4 0 0 0,-11-2 0 0 0,-10-3 0 0 0,-11-2 0 0 0,-9 0 0 0 0,-5-1 0 0 0,-4 0 0 0 0,-1 1 0 0 0,0-1 0 0 0,0 1 0 0 0,2 0 0 0 0,1-1 0 0 0,2-1 0 0 0,2-1 0 0 0,-1-2 0 0 0,-2-2 0 0 0,-2 0 0 0 0,-2-1 0 0 0,-2-2 0 0 0,-1-2 0 0 0,-1-4 0 0 0,-1-2 0 0 0,1-3 0 0 0,-1 0 0 0 0,1 0 0 0 0,0 2 0 0 0,0 4 0 0 0,0 4 0 0 0,0 2 0 0 0,0 3 0 0 0</inkml:trace>
</inkml:ink>
</file>

<file path=ppt/ink/ink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2-18T10:09:09.393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45 52 24575,'55'-8'0,"-10"-2"0,-35 7 0,0 1 0,1 0 0,-1 0 0,15 0 0,86-5 0,-77 0 0,-24 5 0,0 0 0,1 1 0,13-1 0,3 1 0,-18 0 0,1 1 0,-1 0 0,18 3 0,-59 9 0,-13-10 0,98 7 0,-53-9 0,0 0 0,1 0 0,-1 1 0,1-1 0,-1 0 0,0 0 0,1 0 0,-1 0 0,0 0 0,1 1 0,-1-1 0,0 0 0,1 0 0,-1 0 0,0 1 0,1-1 0,-1 0 0,0 1 0,0-1 0,1 0 0,-1 0 0,0 1 0,0-1 0,0 1 0,1-1 0,-1 0 0,0 1 0,0-1 0,0 0 0,0 1 0,0-1 0,0 1 0,0-1 0,0 0 0,0 1 0,0-1 0,0 1 0,0-1 0,-13 13 0,-24 2 0,-9-11 0,-85-5 0,48-1 0,34 3 0,22 0 0,-47-4 0,73 4 0,1-1 0,-1 0 0,0 0 0,1 0 0,-1-1 0,1 1 0,-1 0 0,0 0 0,1 0 0,-1 0 0,1 0 0,-1-1 0,0 1 0,1 0 0,-1-1 0,1 1 0,-1 0 0,1-1 0,-1 1 0,1-1 0,-1 1 0,1-1 0,-1 1 0,1-1 0,0 1 0,-1-1 0,1 1 0,0-1 0,-1 1 0,1-1 0,0 1 0,0-1 0,0 0 0,0 1 0,-1-1 0,1 0 0,0 1 0,0-1 0,0 0 0,0 1 0,0-1 0,1 1 0,-1-1 0,0 0 0,0 1 0,0-1 0,0 1 0,1-1 0,-1 0 0,1-1 0,0 1 0,0-1 0,0 1 0,0 0 0,0-1 0,0 1 0,0 0 0,0 0 0,0 0 0,1 0 0,-1 0 0,0 0 0,1 0 0,-1 0 0,0 1 0,1-1 0,-1 0 0,1 1 0,2-1 0,52-3-1365</inkml:trace>
</inkml:ink>
</file>

<file path=ppt/ink/ink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2-12-17T09:51:44.574"/>
    </inkml:context>
    <inkml:brush xml:id="br0">
      <inkml:brushProperty name="width" value="0.2" units="cm"/>
      <inkml:brushProperty name="height" value="0.4" units="cm"/>
      <inkml:brushProperty name="color" value="#A9D8FF"/>
      <inkml:brushProperty name="tip" value="rectangle"/>
      <inkml:brushProperty name="rasterOp" value="maskPen"/>
    </inkml:brush>
  </inkml:definitions>
  <inkml:trace contextRef="#ctx0" brushRef="#br0">22054 6954 16383 0 0,'1'0'0'0'0,"4"0"0"0"0,17 0 0 0 0,31 0 0 0 0,31 0 0 0 0,26 0 0 0 0,17 0 0 0 0,2 0 0 0 0,-12 0 0 0 0,-20 0 0 0 0,-24 0 0 0 0,-22 0 0 0 0,-19 0 0 0 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spcBef>
                <a:spcPts val="0"/>
              </a:spcBef>
              <a:spcAft>
                <a:spcPts val="0"/>
              </a:spcAft>
            </a:pPr>
            <a:endParaRPr lang="en-US">
              <a:cs typeface="Arial"/>
            </a:endParaRPr>
          </a:p>
          <a:p>
            <a:endParaRPr lang="en-US">
              <a:latin typeface="Calibri"/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91967472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>
                <a:latin typeface="Calibri"/>
                <a:cs typeface="Calibri"/>
              </a:rPr>
              <a:t>Absorption</a:t>
            </a:r>
          </a:p>
          <a:p>
            <a:r>
              <a:rPr lang="en-US">
                <a:latin typeface="Calibri"/>
                <a:ea typeface="ＭＳ Ｐゴシック"/>
                <a:cs typeface="Calibri"/>
              </a:rPr>
              <a:t> - which photons are absorbed?</a:t>
            </a:r>
            <a:br>
              <a:rPr lang="en-US">
                <a:latin typeface="Calibri"/>
                <a:ea typeface="ＭＳ Ｐゴシック"/>
                <a:cs typeface="Calibri"/>
              </a:rPr>
            </a:br>
            <a:r>
              <a:rPr lang="en-US">
                <a:latin typeface="Calibri"/>
                <a:ea typeface="ＭＳ Ｐゴシック"/>
                <a:cs typeface="Calibri"/>
              </a:rPr>
              <a:t> - which molecule is the best?  </a:t>
            </a:r>
            <a:r>
              <a:rPr lang="en-US">
                <a:latin typeface="Arial"/>
                <a:ea typeface="ＭＳ Ｐゴシック"/>
                <a:cs typeface="Arial"/>
              </a:rPr>
              <a:t>lowest absorption peak, because it can absorb all the photons with energy higher of that </a:t>
            </a:r>
            <a:endParaRPr lang="en-US">
              <a:cs typeface="Arial"/>
            </a:endParaRPr>
          </a:p>
          <a:p>
            <a:endParaRPr lang="en-US">
              <a:latin typeface="Calibri"/>
              <a:ea typeface="ＭＳ Ｐゴシック"/>
              <a:cs typeface="Calibri"/>
            </a:endParaRPr>
          </a:p>
          <a:p>
            <a:r>
              <a:rPr lang="en-US">
                <a:latin typeface="Calibri"/>
                <a:ea typeface="ＭＳ Ｐゴシック"/>
                <a:cs typeface="Calibri"/>
              </a:rPr>
              <a:t>Exciton diffusion</a:t>
            </a:r>
          </a:p>
          <a:p>
            <a:r>
              <a:rPr lang="en-US">
                <a:latin typeface="Calibri"/>
                <a:ea typeface="ＭＳ Ｐゴシック"/>
                <a:cs typeface="Calibri"/>
              </a:rPr>
              <a:t> - </a:t>
            </a:r>
            <a:r>
              <a:rPr lang="en-US" err="1">
                <a:latin typeface="Calibri"/>
                <a:ea typeface="ＭＳ Ｐゴシック"/>
                <a:cs typeface="Calibri"/>
              </a:rPr>
              <a:t>förster</a:t>
            </a:r>
            <a:r>
              <a:rPr lang="en-US">
                <a:latin typeface="Calibri"/>
                <a:ea typeface="ＭＳ Ｐゴシック"/>
                <a:cs typeface="Calibri"/>
              </a:rPr>
              <a:t> mechanism</a:t>
            </a:r>
          </a:p>
          <a:p>
            <a:r>
              <a:rPr lang="en-US">
                <a:latin typeface="Calibri"/>
                <a:ea typeface="ＭＳ Ｐゴシック"/>
                <a:cs typeface="Calibri"/>
              </a:rPr>
              <a:t> -which molecule is the best?</a:t>
            </a:r>
          </a:p>
          <a:p>
            <a:endParaRPr lang="en-US">
              <a:latin typeface="Calibri"/>
              <a:ea typeface="ＭＳ Ｐゴシック"/>
              <a:cs typeface="Calibri"/>
            </a:endParaRPr>
          </a:p>
          <a:p>
            <a:r>
              <a:rPr lang="en-US">
                <a:latin typeface="Calibri"/>
                <a:ea typeface="ＭＳ Ｐゴシック"/>
                <a:cs typeface="Calibri"/>
              </a:rPr>
              <a:t>Energy loss in vibrational relaxation</a:t>
            </a:r>
          </a:p>
          <a:p>
            <a:r>
              <a:rPr lang="en-US">
                <a:latin typeface="Calibri"/>
                <a:ea typeface="ＭＳ Ｐゴシック"/>
                <a:cs typeface="Calibri"/>
              </a:rPr>
              <a:t> -which molecule is the best? </a:t>
            </a:r>
          </a:p>
          <a:p>
            <a:endParaRPr lang="en-US">
              <a:latin typeface="Calibri"/>
              <a:ea typeface="ＭＳ Ｐゴシック"/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998229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13676" name="text" descr="{&quot;templafy&quot;:{&quot;id&quot;:&quot;d83eb329-6f3f-4e84-875b-22890cbe52b3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Sustain</a:t>
            </a:r>
          </a:p>
        </p:txBody>
      </p:sp>
      <p:sp>
        <p:nvSpPr>
          <p:cNvPr id="5" name="date" descr="{&quot;templafy&quot;:{&quot;id&quot;:&quot;1167196c-97e0-471a-8609-9a271d794e0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2 October 2022</a:t>
            </a:r>
          </a:p>
        </p:txBody>
      </p:sp>
      <p:sp>
        <p:nvSpPr>
          <p:cNvPr id="7" name="text" descr="{&quot;templafy&quot;:{&quot;id&quot;:&quot;93183b9a-a0f4-4d9a-800c-5911d85eba2f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7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3" Type="http://schemas.openxmlformats.org/officeDocument/2006/relationships/customXml" Target="../ink/ink34.xml"/><Relationship Id="rId18" Type="http://schemas.openxmlformats.org/officeDocument/2006/relationships/customXml" Target="../ink/ink38.xml"/><Relationship Id="rId26" Type="http://schemas.openxmlformats.org/officeDocument/2006/relationships/customXml" Target="../ink/ink43.xml"/><Relationship Id="rId3" Type="http://schemas.openxmlformats.org/officeDocument/2006/relationships/customXml" Target="../ink/ink27.xml"/><Relationship Id="rId21" Type="http://schemas.openxmlformats.org/officeDocument/2006/relationships/image" Target="../media/image63.png"/><Relationship Id="rId34" Type="http://schemas.openxmlformats.org/officeDocument/2006/relationships/image" Target="../media/image67.png"/><Relationship Id="rId7" Type="http://schemas.openxmlformats.org/officeDocument/2006/relationships/image" Target="../media/image59.png"/><Relationship Id="rId12" Type="http://schemas.openxmlformats.org/officeDocument/2006/relationships/customXml" Target="../ink/ink33.xml"/><Relationship Id="rId17" Type="http://schemas.openxmlformats.org/officeDocument/2006/relationships/customXml" Target="../ink/ink37.xml"/><Relationship Id="rId25" Type="http://schemas.openxmlformats.org/officeDocument/2006/relationships/customXml" Target="../ink/ink42.xml"/><Relationship Id="rId33" Type="http://schemas.openxmlformats.org/officeDocument/2006/relationships/customXml" Target="../ink/ink48.xml"/><Relationship Id="rId2" Type="http://schemas.openxmlformats.org/officeDocument/2006/relationships/notesSlide" Target="../notesSlides/notesSlide2.xml"/><Relationship Id="rId16" Type="http://schemas.openxmlformats.org/officeDocument/2006/relationships/customXml" Target="../ink/ink36.xml"/><Relationship Id="rId20" Type="http://schemas.openxmlformats.org/officeDocument/2006/relationships/customXml" Target="../ink/ink39.xml"/><Relationship Id="rId29" Type="http://schemas.openxmlformats.org/officeDocument/2006/relationships/customXml" Target="../ink/ink45.xml"/><Relationship Id="rId1" Type="http://schemas.openxmlformats.org/officeDocument/2006/relationships/slideLayout" Target="../slideLayouts/slideLayout3.xml"/><Relationship Id="rId6" Type="http://schemas.openxmlformats.org/officeDocument/2006/relationships/customXml" Target="../ink/ink29.xml"/><Relationship Id="rId11" Type="http://schemas.openxmlformats.org/officeDocument/2006/relationships/customXml" Target="../ink/ink32.xml"/><Relationship Id="rId24" Type="http://schemas.openxmlformats.org/officeDocument/2006/relationships/customXml" Target="../ink/ink41.xml"/><Relationship Id="rId32" Type="http://schemas.openxmlformats.org/officeDocument/2006/relationships/customXml" Target="../ink/ink47.xml"/><Relationship Id="rId5" Type="http://schemas.openxmlformats.org/officeDocument/2006/relationships/customXml" Target="../ink/ink28.xml"/><Relationship Id="rId15" Type="http://schemas.openxmlformats.org/officeDocument/2006/relationships/image" Target="../media/image61.png"/><Relationship Id="rId23" Type="http://schemas.openxmlformats.org/officeDocument/2006/relationships/image" Target="../media/image64.png"/><Relationship Id="rId28" Type="http://schemas.openxmlformats.org/officeDocument/2006/relationships/customXml" Target="../ink/ink44.xml"/><Relationship Id="rId36" Type="http://schemas.openxmlformats.org/officeDocument/2006/relationships/image" Target="../media/image68.png"/><Relationship Id="rId10" Type="http://schemas.openxmlformats.org/officeDocument/2006/relationships/customXml" Target="../ink/ink31.xml"/><Relationship Id="rId19" Type="http://schemas.openxmlformats.org/officeDocument/2006/relationships/image" Target="../media/image62.png"/><Relationship Id="rId31" Type="http://schemas.openxmlformats.org/officeDocument/2006/relationships/image" Target="../media/image66.png"/><Relationship Id="rId4" Type="http://schemas.openxmlformats.org/officeDocument/2006/relationships/image" Target="../media/image58.png"/><Relationship Id="rId9" Type="http://schemas.openxmlformats.org/officeDocument/2006/relationships/image" Target="../media/image60.png"/><Relationship Id="rId14" Type="http://schemas.openxmlformats.org/officeDocument/2006/relationships/customXml" Target="../ink/ink35.xml"/><Relationship Id="rId22" Type="http://schemas.openxmlformats.org/officeDocument/2006/relationships/customXml" Target="../ink/ink40.xml"/><Relationship Id="rId27" Type="http://schemas.openxmlformats.org/officeDocument/2006/relationships/image" Target="../media/image65.png"/><Relationship Id="rId30" Type="http://schemas.openxmlformats.org/officeDocument/2006/relationships/customXml" Target="../ink/ink46.xml"/><Relationship Id="rId35" Type="http://schemas.openxmlformats.org/officeDocument/2006/relationships/customXml" Target="../ink/ink49.xml"/><Relationship Id="rId8" Type="http://schemas.openxmlformats.org/officeDocument/2006/relationships/customXml" Target="../ink/ink30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13" Type="http://schemas.openxmlformats.org/officeDocument/2006/relationships/image" Target="../media/image14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12" Type="http://schemas.openxmlformats.org/officeDocument/2006/relationships/image" Target="../media/image13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7.png"/><Relationship Id="rId11" Type="http://schemas.openxmlformats.org/officeDocument/2006/relationships/image" Target="../media/image12.png"/><Relationship Id="rId5" Type="http://schemas.openxmlformats.org/officeDocument/2006/relationships/image" Target="../media/image6.png"/><Relationship Id="rId10" Type="http://schemas.openxmlformats.org/officeDocument/2006/relationships/image" Target="../media/image11.png"/><Relationship Id="rId4" Type="http://schemas.openxmlformats.org/officeDocument/2006/relationships/image" Target="../media/image5.png"/><Relationship Id="rId9" Type="http://schemas.openxmlformats.org/officeDocument/2006/relationships/image" Target="../media/image10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diagramLayout" Target="../diagrams/layout1.xml"/><Relationship Id="rId13" Type="http://schemas.openxmlformats.org/officeDocument/2006/relationships/image" Target="../media/image20.png"/><Relationship Id="rId18" Type="http://schemas.openxmlformats.org/officeDocument/2006/relationships/image" Target="../media/image22.png"/><Relationship Id="rId3" Type="http://schemas.openxmlformats.org/officeDocument/2006/relationships/image" Target="../media/image16.png"/><Relationship Id="rId7" Type="http://schemas.openxmlformats.org/officeDocument/2006/relationships/diagramData" Target="../diagrams/data1.xml"/><Relationship Id="rId12" Type="http://schemas.openxmlformats.org/officeDocument/2006/relationships/customXml" Target="../ink/ink1.xml"/><Relationship Id="rId17" Type="http://schemas.openxmlformats.org/officeDocument/2006/relationships/customXml" Target="../ink/ink4.xml"/><Relationship Id="rId2" Type="http://schemas.openxmlformats.org/officeDocument/2006/relationships/image" Target="../media/image15.png"/><Relationship Id="rId16" Type="http://schemas.openxmlformats.org/officeDocument/2006/relationships/image" Target="../media/image2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9.png"/><Relationship Id="rId11" Type="http://schemas.microsoft.com/office/2007/relationships/diagramDrawing" Target="../diagrams/drawing1.xml"/><Relationship Id="rId5" Type="http://schemas.openxmlformats.org/officeDocument/2006/relationships/image" Target="../media/image18.png"/><Relationship Id="rId15" Type="http://schemas.openxmlformats.org/officeDocument/2006/relationships/customXml" Target="../ink/ink3.xml"/><Relationship Id="rId10" Type="http://schemas.openxmlformats.org/officeDocument/2006/relationships/diagramColors" Target="../diagrams/colors1.xml"/><Relationship Id="rId4" Type="http://schemas.openxmlformats.org/officeDocument/2006/relationships/image" Target="../media/image17.png"/><Relationship Id="rId9" Type="http://schemas.openxmlformats.org/officeDocument/2006/relationships/diagramQuickStyle" Target="../diagrams/quickStyle1.xml"/><Relationship Id="rId14" Type="http://schemas.openxmlformats.org/officeDocument/2006/relationships/customXml" Target="../ink/ink2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png"/><Relationship Id="rId13" Type="http://schemas.openxmlformats.org/officeDocument/2006/relationships/customXml" Target="../ink/ink7.xml"/><Relationship Id="rId3" Type="http://schemas.openxmlformats.org/officeDocument/2006/relationships/diagramData" Target="../diagrams/data2.xml"/><Relationship Id="rId7" Type="http://schemas.microsoft.com/office/2007/relationships/diagramDrawing" Target="../diagrams/drawing2.xml"/><Relationship Id="rId12" Type="http://schemas.openxmlformats.org/officeDocument/2006/relationships/image" Target="../media/image26.png"/><Relationship Id="rId17" Type="http://schemas.openxmlformats.org/officeDocument/2006/relationships/image" Target="../media/image29.png"/><Relationship Id="rId2" Type="http://schemas.openxmlformats.org/officeDocument/2006/relationships/image" Target="../media/image23.png"/><Relationship Id="rId16" Type="http://schemas.openxmlformats.org/officeDocument/2006/relationships/image" Target="../media/image28.png"/><Relationship Id="rId1" Type="http://schemas.openxmlformats.org/officeDocument/2006/relationships/slideLayout" Target="../slideLayouts/slideLayout3.xml"/><Relationship Id="rId6" Type="http://schemas.openxmlformats.org/officeDocument/2006/relationships/diagramColors" Target="../diagrams/colors2.xml"/><Relationship Id="rId11" Type="http://schemas.openxmlformats.org/officeDocument/2006/relationships/customXml" Target="../ink/ink6.xml"/><Relationship Id="rId5" Type="http://schemas.openxmlformats.org/officeDocument/2006/relationships/diagramQuickStyle" Target="../diagrams/quickStyle2.xml"/><Relationship Id="rId15" Type="http://schemas.openxmlformats.org/officeDocument/2006/relationships/customXml" Target="../ink/ink8.xml"/><Relationship Id="rId10" Type="http://schemas.openxmlformats.org/officeDocument/2006/relationships/image" Target="../media/image25.png"/><Relationship Id="rId4" Type="http://schemas.openxmlformats.org/officeDocument/2006/relationships/diagramLayout" Target="../diagrams/layout2.xml"/><Relationship Id="rId9" Type="http://schemas.openxmlformats.org/officeDocument/2006/relationships/customXml" Target="../ink/ink5.xml"/><Relationship Id="rId14" Type="http://schemas.openxmlformats.org/officeDocument/2006/relationships/image" Target="../media/image27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png"/><Relationship Id="rId13" Type="http://schemas.microsoft.com/office/2007/relationships/diagramDrawing" Target="../diagrams/drawing3.xml"/><Relationship Id="rId18" Type="http://schemas.openxmlformats.org/officeDocument/2006/relationships/customXml" Target="../ink/ink11.xml"/><Relationship Id="rId26" Type="http://schemas.openxmlformats.org/officeDocument/2006/relationships/customXml" Target="../ink/ink15.xml"/><Relationship Id="rId3" Type="http://schemas.openxmlformats.org/officeDocument/2006/relationships/image" Target="../media/image31.png"/><Relationship Id="rId21" Type="http://schemas.openxmlformats.org/officeDocument/2006/relationships/image" Target="../media/image40.png"/><Relationship Id="rId7" Type="http://schemas.openxmlformats.org/officeDocument/2006/relationships/customXml" Target="../ink/ink10.xml"/><Relationship Id="rId12" Type="http://schemas.openxmlformats.org/officeDocument/2006/relationships/diagramColors" Target="../diagrams/colors3.xml"/><Relationship Id="rId17" Type="http://schemas.openxmlformats.org/officeDocument/2006/relationships/image" Target="../media/image38.png"/><Relationship Id="rId25" Type="http://schemas.openxmlformats.org/officeDocument/2006/relationships/image" Target="../media/image42.png"/><Relationship Id="rId2" Type="http://schemas.openxmlformats.org/officeDocument/2006/relationships/image" Target="../media/image30.png"/><Relationship Id="rId16" Type="http://schemas.openxmlformats.org/officeDocument/2006/relationships/image" Target="../media/image37.png"/><Relationship Id="rId20" Type="http://schemas.openxmlformats.org/officeDocument/2006/relationships/customXml" Target="../ink/ink12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3.png"/><Relationship Id="rId11" Type="http://schemas.openxmlformats.org/officeDocument/2006/relationships/diagramQuickStyle" Target="../diagrams/quickStyle3.xml"/><Relationship Id="rId24" Type="http://schemas.openxmlformats.org/officeDocument/2006/relationships/customXml" Target="../ink/ink14.xml"/><Relationship Id="rId5" Type="http://schemas.openxmlformats.org/officeDocument/2006/relationships/customXml" Target="../ink/ink9.xml"/><Relationship Id="rId15" Type="http://schemas.openxmlformats.org/officeDocument/2006/relationships/image" Target="../media/image36.png"/><Relationship Id="rId23" Type="http://schemas.openxmlformats.org/officeDocument/2006/relationships/image" Target="../media/image41.png"/><Relationship Id="rId10" Type="http://schemas.openxmlformats.org/officeDocument/2006/relationships/diagramLayout" Target="../diagrams/layout3.xml"/><Relationship Id="rId19" Type="http://schemas.openxmlformats.org/officeDocument/2006/relationships/image" Target="../media/image39.png"/><Relationship Id="rId4" Type="http://schemas.openxmlformats.org/officeDocument/2006/relationships/image" Target="../media/image32.png"/><Relationship Id="rId9" Type="http://schemas.openxmlformats.org/officeDocument/2006/relationships/diagramData" Target="../diagrams/data3.xml"/><Relationship Id="rId14" Type="http://schemas.openxmlformats.org/officeDocument/2006/relationships/image" Target="../media/image35.png"/><Relationship Id="rId22" Type="http://schemas.openxmlformats.org/officeDocument/2006/relationships/customXml" Target="../ink/ink13.xml"/><Relationship Id="rId27" Type="http://schemas.openxmlformats.org/officeDocument/2006/relationships/image" Target="../media/image43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customXml" Target="../ink/ink16.xml"/><Relationship Id="rId13" Type="http://schemas.openxmlformats.org/officeDocument/2006/relationships/customXml" Target="../ink/ink19.xml"/><Relationship Id="rId18" Type="http://schemas.openxmlformats.org/officeDocument/2006/relationships/image" Target="../media/image49.png"/><Relationship Id="rId26" Type="http://schemas.openxmlformats.org/officeDocument/2006/relationships/customXml" Target="../ink/ink26.xml"/><Relationship Id="rId3" Type="http://schemas.openxmlformats.org/officeDocument/2006/relationships/diagramLayout" Target="../diagrams/layout4.xml"/><Relationship Id="rId21" Type="http://schemas.openxmlformats.org/officeDocument/2006/relationships/customXml" Target="../ink/ink23.xml"/><Relationship Id="rId7" Type="http://schemas.openxmlformats.org/officeDocument/2006/relationships/image" Target="../media/image44.png"/><Relationship Id="rId12" Type="http://schemas.openxmlformats.org/officeDocument/2006/relationships/image" Target="../media/image46.png"/><Relationship Id="rId17" Type="http://schemas.openxmlformats.org/officeDocument/2006/relationships/customXml" Target="../ink/ink21.xml"/><Relationship Id="rId25" Type="http://schemas.openxmlformats.org/officeDocument/2006/relationships/image" Target="../media/image52.png"/><Relationship Id="rId2" Type="http://schemas.openxmlformats.org/officeDocument/2006/relationships/diagramData" Target="../diagrams/data4.xml"/><Relationship Id="rId16" Type="http://schemas.openxmlformats.org/officeDocument/2006/relationships/image" Target="../media/image48.png"/><Relationship Id="rId20" Type="http://schemas.openxmlformats.org/officeDocument/2006/relationships/image" Target="../media/image50.png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4.xml"/><Relationship Id="rId11" Type="http://schemas.openxmlformats.org/officeDocument/2006/relationships/customXml" Target="../ink/ink18.xml"/><Relationship Id="rId24" Type="http://schemas.openxmlformats.org/officeDocument/2006/relationships/customXml" Target="../ink/ink25.xml"/><Relationship Id="rId5" Type="http://schemas.openxmlformats.org/officeDocument/2006/relationships/diagramColors" Target="../diagrams/colors4.xml"/><Relationship Id="rId15" Type="http://schemas.openxmlformats.org/officeDocument/2006/relationships/customXml" Target="../ink/ink20.xml"/><Relationship Id="rId23" Type="http://schemas.openxmlformats.org/officeDocument/2006/relationships/customXml" Target="../ink/ink24.xml"/><Relationship Id="rId10" Type="http://schemas.openxmlformats.org/officeDocument/2006/relationships/customXml" Target="../ink/ink17.xml"/><Relationship Id="rId19" Type="http://schemas.openxmlformats.org/officeDocument/2006/relationships/customXml" Target="../ink/ink22.xml"/><Relationship Id="rId4" Type="http://schemas.openxmlformats.org/officeDocument/2006/relationships/diagramQuickStyle" Target="../diagrams/quickStyle4.xml"/><Relationship Id="rId9" Type="http://schemas.openxmlformats.org/officeDocument/2006/relationships/image" Target="../media/image45.png"/><Relationship Id="rId14" Type="http://schemas.openxmlformats.org/officeDocument/2006/relationships/image" Target="../media/image47.png"/><Relationship Id="rId22" Type="http://schemas.openxmlformats.org/officeDocument/2006/relationships/image" Target="../media/image51.png"/></Relationships>
</file>

<file path=ppt/slides/_rels/slide9.xml.rels><?xml version="1.0" encoding="UTF-8" standalone="yes"?>
<Relationships xmlns="http://schemas.openxmlformats.org/package/2006/relationships"><Relationship Id="rId8" Type="http://schemas.microsoft.com/office/2007/relationships/diagramDrawing" Target="../diagrams/drawing5.xml"/><Relationship Id="rId3" Type="http://schemas.openxmlformats.org/officeDocument/2006/relationships/image" Target="../media/image53.png"/><Relationship Id="rId7" Type="http://schemas.openxmlformats.org/officeDocument/2006/relationships/diagramColors" Target="../diagrams/colors5.xm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Relationship Id="rId6" Type="http://schemas.openxmlformats.org/officeDocument/2006/relationships/diagramQuickStyle" Target="../diagrams/quickStyle5.xml"/><Relationship Id="rId11" Type="http://schemas.openxmlformats.org/officeDocument/2006/relationships/image" Target="../media/image56.png"/><Relationship Id="rId5" Type="http://schemas.openxmlformats.org/officeDocument/2006/relationships/diagramLayout" Target="../diagrams/layout5.xml"/><Relationship Id="rId10" Type="http://schemas.openxmlformats.org/officeDocument/2006/relationships/image" Target="../media/image55.png"/><Relationship Id="rId4" Type="http://schemas.openxmlformats.org/officeDocument/2006/relationships/diagramData" Target="../diagrams/data5.xml"/><Relationship Id="rId9" Type="http://schemas.openxmlformats.org/officeDocument/2006/relationships/image" Target="../media/image5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DB5006-1173-97E8-43B5-5235D6F6BA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217" y="1597445"/>
            <a:ext cx="11691978" cy="1173187"/>
          </a:xfrm>
        </p:spPr>
        <p:txBody>
          <a:bodyPr/>
          <a:lstStyle/>
          <a:p>
            <a:pPr algn="ctr"/>
            <a:r>
              <a:rPr lang="en-GB" sz="6000" b="0">
                <a:effectLst/>
                <a:latin typeface="Arial" panose="020B0604020202020204" pitchFamily="34" charset="0"/>
              </a:rPr>
              <a:t>Excited States of </a:t>
            </a:r>
            <a:br>
              <a:rPr lang="en-GB" sz="6000" b="0">
                <a:effectLst/>
                <a:latin typeface="Arial" panose="020B0604020202020204" pitchFamily="34" charset="0"/>
              </a:rPr>
            </a:br>
            <a:r>
              <a:rPr lang="en-GB" sz="6000" b="0">
                <a:effectLst/>
                <a:latin typeface="Arial" panose="020B0604020202020204" pitchFamily="34" charset="0"/>
              </a:rPr>
              <a:t>Donor-Acceptor Materials</a:t>
            </a:r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9C49C08-8DE7-69EE-C40C-39BCDE11168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9217" y="4251961"/>
            <a:ext cx="10840028" cy="1660654"/>
          </a:xfrm>
        </p:spPr>
        <p:txBody>
          <a:bodyPr/>
          <a:lstStyle/>
          <a:p>
            <a:pPr marL="0" marR="0" lvl="0" indent="0" algn="ctr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ikolas Vitaliti s223455</a:t>
            </a:r>
          </a:p>
          <a:p>
            <a:pPr marL="0" marR="0" lvl="0" indent="0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en-GB" sz="2000" dirty="0">
              <a:solidFill>
                <a:srgbClr val="FFFFFF"/>
              </a:solidFill>
              <a:latin typeface="Arial"/>
            </a:endParaRPr>
          </a:p>
          <a:p>
            <a:pPr marL="0" marR="0" lvl="0" indent="0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D9012EA-8222-C771-D854-B0D0887B460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2525232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906CA11C-6C6E-2C07-0363-95E4777A46B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76457" y="1563236"/>
            <a:ext cx="6783664" cy="4680728"/>
          </a:xfrm>
          <a:prstGeom prst="rect">
            <a:avLst/>
          </a:prstGeom>
          <a:noFill/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A143805-CFC7-F0B9-8469-3260B18EDD5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3B1B6B7-735B-4AD6-D6A7-E407531CFC3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55984" y="3151394"/>
            <a:ext cx="4210112" cy="1698398"/>
          </a:xfrm>
          <a:prstGeom prst="rect">
            <a:avLst/>
          </a:prstGeom>
        </p:spPr>
      </p:pic>
      <p:sp>
        <p:nvSpPr>
          <p:cNvPr id="11" name="Rektangel: rundade hörn 8">
            <a:extLst>
              <a:ext uri="{FF2B5EF4-FFF2-40B4-BE49-F238E27FC236}">
                <a16:creationId xmlns:a16="http://schemas.microsoft.com/office/drawing/2014/main" id="{FBB70259-64E8-7750-72A3-DBFDC4D08F7B}"/>
              </a:ext>
            </a:extLst>
          </p:cNvPr>
          <p:cNvSpPr/>
          <p:nvPr/>
        </p:nvSpPr>
        <p:spPr bwMode="auto">
          <a:xfrm>
            <a:off x="2422003" y="468116"/>
            <a:ext cx="675765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173A52A-A51A-842B-814D-75821AF0595F}"/>
              </a:ext>
            </a:extLst>
          </p:cNvPr>
          <p:cNvSpPr txBox="1">
            <a:spLocks/>
          </p:cNvSpPr>
          <p:nvPr/>
        </p:nvSpPr>
        <p:spPr bwMode="auto">
          <a:xfrm>
            <a:off x="2411523" y="169064"/>
            <a:ext cx="6763750" cy="94199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kern="0" err="1">
                <a:solidFill>
                  <a:schemeClr val="bg1"/>
                </a:solidFill>
                <a:cs typeface="Arial"/>
              </a:rPr>
              <a:t>Förster</a:t>
            </a:r>
            <a:r>
              <a:rPr lang="en-GB" kern="0">
                <a:solidFill>
                  <a:schemeClr val="bg1"/>
                </a:solidFill>
                <a:cs typeface="Arial"/>
              </a:rPr>
              <a:t> energy transfer</a:t>
            </a:r>
            <a:endParaRPr lang="en-GB" kern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433427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D749E3F-649B-6CC2-945F-0E42F4462CE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 </a:t>
            </a:r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0E6D365-DA4F-4D96-2B77-558AA5AC802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8" name="Rektangel: rundade hörn 8">
            <a:extLst>
              <a:ext uri="{FF2B5EF4-FFF2-40B4-BE49-F238E27FC236}">
                <a16:creationId xmlns:a16="http://schemas.microsoft.com/office/drawing/2014/main" id="{DE86686C-4CE7-D940-545A-790F8FA1DC7E}"/>
              </a:ext>
            </a:extLst>
          </p:cNvPr>
          <p:cNvSpPr/>
          <p:nvPr/>
        </p:nvSpPr>
        <p:spPr bwMode="auto">
          <a:xfrm>
            <a:off x="2491451" y="725179"/>
            <a:ext cx="675765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Rektangel: rundade hörn 8">
            <a:extLst>
              <a:ext uri="{FF2B5EF4-FFF2-40B4-BE49-F238E27FC236}">
                <a16:creationId xmlns:a16="http://schemas.microsoft.com/office/drawing/2014/main" id="{D7F1E00B-9993-05F1-A76F-361F84DE5C65}"/>
              </a:ext>
            </a:extLst>
          </p:cNvPr>
          <p:cNvSpPr/>
          <p:nvPr/>
        </p:nvSpPr>
        <p:spPr bwMode="auto">
          <a:xfrm>
            <a:off x="2944368" y="725179"/>
            <a:ext cx="5897880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</a:endParaRPr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75E76851-AA44-C507-027E-96A0A13F5782}"/>
              </a:ext>
            </a:extLst>
          </p:cNvPr>
          <p:cNvSpPr txBox="1">
            <a:spLocks/>
          </p:cNvSpPr>
          <p:nvPr/>
        </p:nvSpPr>
        <p:spPr bwMode="auto">
          <a:xfrm>
            <a:off x="2480971" y="426127"/>
            <a:ext cx="6763750" cy="94199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kern="0">
                <a:solidFill>
                  <a:schemeClr val="bg1"/>
                </a:solidFill>
                <a:cs typeface="Arial"/>
              </a:rPr>
              <a:t>Conclusion</a:t>
            </a:r>
            <a:endParaRPr lang="en-GB" kern="0">
              <a:solidFill>
                <a:schemeClr val="bg1"/>
              </a:solidFill>
            </a:endParaRP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8F491E90-F297-FDD1-8808-59171359131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en-US">
              <a:cs typeface="Arial"/>
            </a:endParaRPr>
          </a:p>
          <a:p>
            <a:pPr marL="0" indent="0">
              <a:buNone/>
            </a:pPr>
            <a:r>
              <a:rPr lang="en-US" b="1">
                <a:cs typeface="Arial"/>
              </a:rPr>
              <a:t>2TA-TCNQ </a:t>
            </a:r>
            <a:r>
              <a:rPr lang="en-US">
                <a:cs typeface="Arial"/>
              </a:rPr>
              <a:t>best molecule in terms of absorption due to low energy peak of the molecule</a:t>
            </a:r>
          </a:p>
          <a:p>
            <a:pPr marL="615315" lvl="2" indent="-197485">
              <a:buFont typeface="Arial"/>
              <a:buChar char="•"/>
            </a:pPr>
            <a:r>
              <a:rPr lang="en-US">
                <a:cs typeface="Arial"/>
              </a:rPr>
              <a:t>Perhaps due to the fact that TCNQ itself has a low energy peak</a:t>
            </a:r>
          </a:p>
          <a:p>
            <a:pPr marL="0" indent="0">
              <a:buNone/>
            </a:pPr>
            <a:endParaRPr lang="en-US">
              <a:cs typeface="Arial"/>
            </a:endParaRPr>
          </a:p>
          <a:p>
            <a:pPr marL="0" indent="0">
              <a:buNone/>
            </a:pPr>
            <a:r>
              <a:rPr lang="en-US" b="1">
                <a:cs typeface="Arial"/>
              </a:rPr>
              <a:t>2TA-TCNE</a:t>
            </a:r>
            <a:r>
              <a:rPr lang="en-US">
                <a:cs typeface="Arial"/>
              </a:rPr>
              <a:t> best molecule in terms of least energy losses </a:t>
            </a:r>
          </a:p>
          <a:p>
            <a:pPr marL="703580" lvl="2" indent="-285750">
              <a:buFont typeface="Arial"/>
              <a:buChar char="•"/>
            </a:pPr>
            <a:r>
              <a:rPr lang="en-US">
                <a:cs typeface="Arial"/>
              </a:rPr>
              <a:t>Smallest gap between singlet-triplet energy</a:t>
            </a:r>
          </a:p>
          <a:p>
            <a:pPr marL="703580" lvl="2" indent="-285750">
              <a:buFont typeface="Arial"/>
              <a:buChar char="•"/>
            </a:pPr>
            <a:r>
              <a:rPr lang="en-US">
                <a:cs typeface="Arial"/>
              </a:rPr>
              <a:t>Higher absorption peak, light harvesting less efficient </a:t>
            </a:r>
          </a:p>
          <a:p>
            <a:pPr marL="285750" indent="-285750">
              <a:buFont typeface="Arial"/>
              <a:buChar char="•"/>
            </a:pPr>
            <a:endParaRPr lang="en-US">
              <a:cs typeface="Arial"/>
            </a:endParaRPr>
          </a:p>
          <a:p>
            <a:pPr marL="215900" lvl="1" indent="0">
              <a:buNone/>
            </a:pPr>
            <a:endParaRPr lang="en-US">
              <a:cs typeface="Arial"/>
            </a:endParaRPr>
          </a:p>
          <a:p>
            <a:pPr marL="0" indent="-197485">
              <a:buNone/>
            </a:pPr>
            <a:endParaRPr lang="en-US">
              <a:cs typeface="Arial"/>
            </a:endParaRPr>
          </a:p>
          <a:p>
            <a:pPr marL="215900" lvl="1" indent="0">
              <a:buNone/>
            </a:pPr>
            <a:endParaRPr lang="en-US">
              <a:cs typeface="Arial"/>
            </a:endParaRPr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7" name="Ink 6">
                <a:extLst>
                  <a:ext uri="{FF2B5EF4-FFF2-40B4-BE49-F238E27FC236}">
                    <a16:creationId xmlns:a16="http://schemas.microsoft.com/office/drawing/2014/main" id="{A1664339-B0BC-B3E1-EBF0-704A5FA5B5E1}"/>
                  </a:ext>
                </a:extLst>
              </p14:cNvPr>
              <p14:cNvContentPartPr/>
              <p14:nvPr/>
            </p14:nvContentPartPr>
            <p14:xfrm>
              <a:off x="7101720" y="3939480"/>
              <a:ext cx="360" cy="360"/>
            </p14:xfrm>
          </p:contentPart>
        </mc:Choice>
        <mc:Fallback xmlns="">
          <p:pic>
            <p:nvPicPr>
              <p:cNvPr id="7" name="Ink 6">
                <a:extLst>
                  <a:ext uri="{FF2B5EF4-FFF2-40B4-BE49-F238E27FC236}">
                    <a16:creationId xmlns:a16="http://schemas.microsoft.com/office/drawing/2014/main" id="{A1664339-B0BC-B3E1-EBF0-704A5FA5B5E1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7092720" y="3930480"/>
                <a:ext cx="1800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9" name="Ink 8">
                <a:extLst>
                  <a:ext uri="{FF2B5EF4-FFF2-40B4-BE49-F238E27FC236}">
                    <a16:creationId xmlns:a16="http://schemas.microsoft.com/office/drawing/2014/main" id="{097A298E-4A75-379A-7071-B98121E571E8}"/>
                  </a:ext>
                </a:extLst>
              </p14:cNvPr>
              <p14:cNvContentPartPr/>
              <p14:nvPr/>
            </p14:nvContentPartPr>
            <p14:xfrm>
              <a:off x="7657920" y="3543120"/>
              <a:ext cx="360" cy="360"/>
            </p14:xfrm>
          </p:contentPart>
        </mc:Choice>
        <mc:Fallback xmlns="">
          <p:pic>
            <p:nvPicPr>
              <p:cNvPr id="9" name="Ink 8">
                <a:extLst>
                  <a:ext uri="{FF2B5EF4-FFF2-40B4-BE49-F238E27FC236}">
                    <a16:creationId xmlns:a16="http://schemas.microsoft.com/office/drawing/2014/main" id="{097A298E-4A75-379A-7071-B98121E571E8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7648920" y="3534120"/>
                <a:ext cx="1800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">
            <p14:nvContentPartPr>
              <p14:cNvPr id="10" name="Ink 9">
                <a:extLst>
                  <a:ext uri="{FF2B5EF4-FFF2-40B4-BE49-F238E27FC236}">
                    <a16:creationId xmlns:a16="http://schemas.microsoft.com/office/drawing/2014/main" id="{FAB37710-E6A2-B247-91AC-8CCB388DE1AB}"/>
                  </a:ext>
                </a:extLst>
              </p14:cNvPr>
              <p14:cNvContentPartPr/>
              <p14:nvPr/>
            </p14:nvContentPartPr>
            <p14:xfrm>
              <a:off x="10591920" y="2514600"/>
              <a:ext cx="360" cy="360"/>
            </p14:xfrm>
          </p:contentPart>
        </mc:Choice>
        <mc:Fallback xmlns="">
          <p:pic>
            <p:nvPicPr>
              <p:cNvPr id="10" name="Ink 9">
                <a:extLst>
                  <a:ext uri="{FF2B5EF4-FFF2-40B4-BE49-F238E27FC236}">
                    <a16:creationId xmlns:a16="http://schemas.microsoft.com/office/drawing/2014/main" id="{FAB37710-E6A2-B247-91AC-8CCB388DE1AB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10582920" y="2510100"/>
                <a:ext cx="18000" cy="91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">
            <p14:nvContentPartPr>
              <p14:cNvPr id="11" name="Ink 10">
                <a:extLst>
                  <a:ext uri="{FF2B5EF4-FFF2-40B4-BE49-F238E27FC236}">
                    <a16:creationId xmlns:a16="http://schemas.microsoft.com/office/drawing/2014/main" id="{1D595776-D512-3087-51E8-B0121F7DCA95}"/>
                  </a:ext>
                </a:extLst>
              </p14:cNvPr>
              <p14:cNvContentPartPr/>
              <p14:nvPr/>
            </p14:nvContentPartPr>
            <p14:xfrm>
              <a:off x="8275320" y="5067000"/>
              <a:ext cx="6480" cy="360"/>
            </p14:xfrm>
          </p:contentPart>
        </mc:Choice>
        <mc:Fallback xmlns="">
          <p:pic>
            <p:nvPicPr>
              <p:cNvPr id="11" name="Ink 10">
                <a:extLst>
                  <a:ext uri="{FF2B5EF4-FFF2-40B4-BE49-F238E27FC236}">
                    <a16:creationId xmlns:a16="http://schemas.microsoft.com/office/drawing/2014/main" id="{1D595776-D512-3087-51E8-B0121F7DCA95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8266320" y="5058000"/>
                <a:ext cx="2412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">
            <p14:nvContentPartPr>
              <p14:cNvPr id="12" name="Ink 11">
                <a:extLst>
                  <a:ext uri="{FF2B5EF4-FFF2-40B4-BE49-F238E27FC236}">
                    <a16:creationId xmlns:a16="http://schemas.microsoft.com/office/drawing/2014/main" id="{B008933E-CD07-72D7-630B-F8FB39AB1305}"/>
                  </a:ext>
                </a:extLst>
              </p14:cNvPr>
              <p14:cNvContentPartPr/>
              <p14:nvPr/>
            </p14:nvContentPartPr>
            <p14:xfrm>
              <a:off x="7345800" y="3931920"/>
              <a:ext cx="360" cy="360"/>
            </p14:xfrm>
          </p:contentPart>
        </mc:Choice>
        <mc:Fallback xmlns="">
          <p:pic>
            <p:nvPicPr>
              <p:cNvPr id="12" name="Ink 11">
                <a:extLst>
                  <a:ext uri="{FF2B5EF4-FFF2-40B4-BE49-F238E27FC236}">
                    <a16:creationId xmlns:a16="http://schemas.microsoft.com/office/drawing/2014/main" id="{B008933E-CD07-72D7-630B-F8FB39AB1305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7336800" y="3927420"/>
                <a:ext cx="18000" cy="91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">
            <p14:nvContentPartPr>
              <p14:cNvPr id="13" name="Ink 12">
                <a:extLst>
                  <a:ext uri="{FF2B5EF4-FFF2-40B4-BE49-F238E27FC236}">
                    <a16:creationId xmlns:a16="http://schemas.microsoft.com/office/drawing/2014/main" id="{F488983C-A954-C54C-ADFD-E37FA81666E1}"/>
                  </a:ext>
                </a:extLst>
              </p14:cNvPr>
              <p14:cNvContentPartPr/>
              <p14:nvPr/>
            </p14:nvContentPartPr>
            <p14:xfrm>
              <a:off x="6660000" y="4000320"/>
              <a:ext cx="360" cy="360"/>
            </p14:xfrm>
          </p:contentPart>
        </mc:Choice>
        <mc:Fallback xmlns="">
          <p:pic>
            <p:nvPicPr>
              <p:cNvPr id="13" name="Ink 12">
                <a:extLst>
                  <a:ext uri="{FF2B5EF4-FFF2-40B4-BE49-F238E27FC236}">
                    <a16:creationId xmlns:a16="http://schemas.microsoft.com/office/drawing/2014/main" id="{F488983C-A954-C54C-ADFD-E37FA81666E1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6651000" y="3991320"/>
                <a:ext cx="1800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">
            <p14:nvContentPartPr>
              <p14:cNvPr id="14" name="Ink 13">
                <a:extLst>
                  <a:ext uri="{FF2B5EF4-FFF2-40B4-BE49-F238E27FC236}">
                    <a16:creationId xmlns:a16="http://schemas.microsoft.com/office/drawing/2014/main" id="{14D72A22-9335-156A-54F5-CC6794199D86}"/>
                  </a:ext>
                </a:extLst>
              </p14:cNvPr>
              <p14:cNvContentPartPr/>
              <p14:nvPr/>
            </p14:nvContentPartPr>
            <p14:xfrm>
              <a:off x="7902000" y="3002040"/>
              <a:ext cx="360" cy="360"/>
            </p14:xfrm>
          </p:contentPart>
        </mc:Choice>
        <mc:Fallback xmlns="">
          <p:pic>
            <p:nvPicPr>
              <p:cNvPr id="14" name="Ink 13">
                <a:extLst>
                  <a:ext uri="{FF2B5EF4-FFF2-40B4-BE49-F238E27FC236}">
                    <a16:creationId xmlns:a16="http://schemas.microsoft.com/office/drawing/2014/main" id="{14D72A22-9335-156A-54F5-CC6794199D86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7893000" y="2997540"/>
                <a:ext cx="18000" cy="91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3">
            <p14:nvContentPartPr>
              <p14:cNvPr id="15" name="Ink 14">
                <a:extLst>
                  <a:ext uri="{FF2B5EF4-FFF2-40B4-BE49-F238E27FC236}">
                    <a16:creationId xmlns:a16="http://schemas.microsoft.com/office/drawing/2014/main" id="{1A55B698-46D0-AA8F-8768-74209A7742CE}"/>
                  </a:ext>
                </a:extLst>
              </p14:cNvPr>
              <p14:cNvContentPartPr/>
              <p14:nvPr/>
            </p14:nvContentPartPr>
            <p14:xfrm>
              <a:off x="8260200" y="3619440"/>
              <a:ext cx="360" cy="360"/>
            </p14:xfrm>
          </p:contentPart>
        </mc:Choice>
        <mc:Fallback xmlns="">
          <p:pic>
            <p:nvPicPr>
              <p:cNvPr id="15" name="Ink 14">
                <a:extLst>
                  <a:ext uri="{FF2B5EF4-FFF2-40B4-BE49-F238E27FC236}">
                    <a16:creationId xmlns:a16="http://schemas.microsoft.com/office/drawing/2014/main" id="{1A55B698-46D0-AA8F-8768-74209A7742CE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8251200" y="3610440"/>
                <a:ext cx="1800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">
            <p14:nvContentPartPr>
              <p14:cNvPr id="17" name="Ink 16">
                <a:extLst>
                  <a:ext uri="{FF2B5EF4-FFF2-40B4-BE49-F238E27FC236}">
                    <a16:creationId xmlns:a16="http://schemas.microsoft.com/office/drawing/2014/main" id="{9B9385DF-D56D-3DD3-4762-8D8D22127EB6}"/>
                  </a:ext>
                </a:extLst>
              </p14:cNvPr>
              <p14:cNvContentPartPr/>
              <p14:nvPr/>
            </p14:nvContentPartPr>
            <p14:xfrm>
              <a:off x="8800920" y="4136040"/>
              <a:ext cx="6480" cy="1800"/>
            </p14:xfrm>
          </p:contentPart>
        </mc:Choice>
        <mc:Fallback xmlns="">
          <p:pic>
            <p:nvPicPr>
              <p:cNvPr id="17" name="Ink 16">
                <a:extLst>
                  <a:ext uri="{FF2B5EF4-FFF2-40B4-BE49-F238E27FC236}">
                    <a16:creationId xmlns:a16="http://schemas.microsoft.com/office/drawing/2014/main" id="{9B9385DF-D56D-3DD3-4762-8D8D22127EB6}"/>
                  </a:ext>
                </a:extLst>
              </p:cNvPr>
              <p:cNvPicPr/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8791920" y="4127040"/>
                <a:ext cx="24120" cy="19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6">
            <p14:nvContentPartPr>
              <p14:cNvPr id="19" name="Ink 18">
                <a:extLst>
                  <a:ext uri="{FF2B5EF4-FFF2-40B4-BE49-F238E27FC236}">
                    <a16:creationId xmlns:a16="http://schemas.microsoft.com/office/drawing/2014/main" id="{680A7C7B-C158-302F-C173-8EE0E1025B00}"/>
                  </a:ext>
                </a:extLst>
              </p14:cNvPr>
              <p14:cNvContentPartPr/>
              <p14:nvPr/>
            </p14:nvContentPartPr>
            <p14:xfrm>
              <a:off x="10645200" y="1531440"/>
              <a:ext cx="360" cy="360"/>
            </p14:xfrm>
          </p:contentPart>
        </mc:Choice>
        <mc:Fallback xmlns="">
          <p:pic>
            <p:nvPicPr>
              <p:cNvPr id="19" name="Ink 18">
                <a:extLst>
                  <a:ext uri="{FF2B5EF4-FFF2-40B4-BE49-F238E27FC236}">
                    <a16:creationId xmlns:a16="http://schemas.microsoft.com/office/drawing/2014/main" id="{680A7C7B-C158-302F-C173-8EE0E1025B00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10636200" y="1522440"/>
                <a:ext cx="18000" cy="18000"/>
              </a:xfrm>
              <a:prstGeom prst="rect">
                <a:avLst/>
              </a:prstGeom>
            </p:spPr>
          </p:pic>
        </mc:Fallback>
      </mc:AlternateContent>
      <p:grpSp>
        <p:nvGrpSpPr>
          <p:cNvPr id="28" name="Group 27">
            <a:extLst>
              <a:ext uri="{FF2B5EF4-FFF2-40B4-BE49-F238E27FC236}">
                <a16:creationId xmlns:a16="http://schemas.microsoft.com/office/drawing/2014/main" id="{85AB8F9A-D3AF-F809-D81D-F299AEB66217}"/>
              </a:ext>
            </a:extLst>
          </p:cNvPr>
          <p:cNvGrpSpPr/>
          <p:nvPr/>
        </p:nvGrpSpPr>
        <p:grpSpPr>
          <a:xfrm>
            <a:off x="10495440" y="1683720"/>
            <a:ext cx="104400" cy="360"/>
            <a:chOff x="10495440" y="1683720"/>
            <a:chExt cx="104400" cy="360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17">
              <p14:nvContentPartPr>
                <p14:cNvPr id="20" name="Ink 19">
                  <a:extLst>
                    <a:ext uri="{FF2B5EF4-FFF2-40B4-BE49-F238E27FC236}">
                      <a16:creationId xmlns:a16="http://schemas.microsoft.com/office/drawing/2014/main" id="{E6618EE4-1A80-3840-78AD-9ECEC91D0C58}"/>
                    </a:ext>
                  </a:extLst>
                </p14:cNvPr>
                <p14:cNvContentPartPr/>
                <p14:nvPr/>
              </p14:nvContentPartPr>
              <p14:xfrm>
                <a:off x="10599480" y="1683720"/>
                <a:ext cx="360" cy="360"/>
              </p14:xfrm>
            </p:contentPart>
          </mc:Choice>
          <mc:Fallback xmlns="">
            <p:pic>
              <p:nvPicPr>
                <p:cNvPr id="20" name="Ink 19">
                  <a:extLst>
                    <a:ext uri="{FF2B5EF4-FFF2-40B4-BE49-F238E27FC236}">
                      <a16:creationId xmlns:a16="http://schemas.microsoft.com/office/drawing/2014/main" id="{E6618EE4-1A80-3840-78AD-9ECEC91D0C58}"/>
                    </a:ext>
                  </a:extLst>
                </p:cNvPr>
                <p:cNvPicPr/>
                <p:nvPr/>
              </p:nvPicPr>
              <p:blipFill>
                <a:blip r:embed="rId4"/>
                <a:stretch>
                  <a:fillRect/>
                </a:stretch>
              </p:blipFill>
              <p:spPr>
                <a:xfrm>
                  <a:off x="10590480" y="1674720"/>
                  <a:ext cx="18000" cy="180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18">
              <p14:nvContentPartPr>
                <p14:cNvPr id="22" name="Ink 21">
                  <a:extLst>
                    <a:ext uri="{FF2B5EF4-FFF2-40B4-BE49-F238E27FC236}">
                      <a16:creationId xmlns:a16="http://schemas.microsoft.com/office/drawing/2014/main" id="{5F41B6D1-A77C-39C8-DCC4-DC4315B164B4}"/>
                    </a:ext>
                  </a:extLst>
                </p14:cNvPr>
                <p14:cNvContentPartPr/>
                <p14:nvPr/>
              </p14:nvContentPartPr>
              <p14:xfrm>
                <a:off x="10495440" y="1683720"/>
                <a:ext cx="73800" cy="360"/>
              </p14:xfrm>
            </p:contentPart>
          </mc:Choice>
          <mc:Fallback xmlns="">
            <p:pic>
              <p:nvPicPr>
                <p:cNvPr id="22" name="Ink 21">
                  <a:extLst>
                    <a:ext uri="{FF2B5EF4-FFF2-40B4-BE49-F238E27FC236}">
                      <a16:creationId xmlns:a16="http://schemas.microsoft.com/office/drawing/2014/main" id="{5F41B6D1-A77C-39C8-DCC4-DC4315B164B4}"/>
                    </a:ext>
                  </a:extLst>
                </p:cNvPr>
                <p:cNvPicPr/>
                <p:nvPr/>
              </p:nvPicPr>
              <p:blipFill>
                <a:blip r:embed="rId19"/>
                <a:stretch>
                  <a:fillRect/>
                </a:stretch>
              </p:blipFill>
              <p:spPr>
                <a:xfrm>
                  <a:off x="10486396" y="1674720"/>
                  <a:ext cx="91526" cy="1800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 xmlns:p14="http://schemas.microsoft.com/office/powerpoint/2010/main">
        <mc:Choice Requires="p14">
          <p:contentPart p14:bwMode="auto" r:id="rId20">
            <p14:nvContentPartPr>
              <p14:cNvPr id="23" name="Ink 22">
                <a:extLst>
                  <a:ext uri="{FF2B5EF4-FFF2-40B4-BE49-F238E27FC236}">
                    <a16:creationId xmlns:a16="http://schemas.microsoft.com/office/drawing/2014/main" id="{90CB71BE-C0B7-6373-F981-C186C042072B}"/>
                  </a:ext>
                </a:extLst>
              </p14:cNvPr>
              <p14:cNvContentPartPr/>
              <p14:nvPr/>
            </p14:nvContentPartPr>
            <p14:xfrm>
              <a:off x="3139560" y="1819440"/>
              <a:ext cx="360" cy="1800"/>
            </p14:xfrm>
          </p:contentPart>
        </mc:Choice>
        <mc:Fallback xmlns="">
          <p:pic>
            <p:nvPicPr>
              <p:cNvPr id="23" name="Ink 22">
                <a:extLst>
                  <a:ext uri="{FF2B5EF4-FFF2-40B4-BE49-F238E27FC236}">
                    <a16:creationId xmlns:a16="http://schemas.microsoft.com/office/drawing/2014/main" id="{90CB71BE-C0B7-6373-F981-C186C042072B}"/>
                  </a:ext>
                </a:extLst>
              </p:cNvPr>
              <p:cNvPicPr/>
              <p:nvPr/>
            </p:nvPicPr>
            <p:blipFill>
              <a:blip r:embed="rId21"/>
              <a:stretch>
                <a:fillRect/>
              </a:stretch>
            </p:blipFill>
            <p:spPr>
              <a:xfrm>
                <a:off x="3130560" y="1810440"/>
                <a:ext cx="18000" cy="19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2">
            <p14:nvContentPartPr>
              <p14:cNvPr id="24" name="Ink 23">
                <a:extLst>
                  <a:ext uri="{FF2B5EF4-FFF2-40B4-BE49-F238E27FC236}">
                    <a16:creationId xmlns:a16="http://schemas.microsoft.com/office/drawing/2014/main" id="{544BBD12-8950-DFD1-6A2F-D8C4C2CABCB0}"/>
                  </a:ext>
                </a:extLst>
              </p14:cNvPr>
              <p14:cNvContentPartPr/>
              <p14:nvPr/>
            </p14:nvContentPartPr>
            <p14:xfrm>
              <a:off x="2865240" y="1805760"/>
              <a:ext cx="360" cy="360"/>
            </p14:xfrm>
          </p:contentPart>
        </mc:Choice>
        <mc:Fallback xmlns="">
          <p:pic>
            <p:nvPicPr>
              <p:cNvPr id="24" name="Ink 23">
                <a:extLst>
                  <a:ext uri="{FF2B5EF4-FFF2-40B4-BE49-F238E27FC236}">
                    <a16:creationId xmlns:a16="http://schemas.microsoft.com/office/drawing/2014/main" id="{544BBD12-8950-DFD1-6A2F-D8C4C2CABCB0}"/>
                  </a:ext>
                </a:extLst>
              </p:cNvPr>
              <p:cNvPicPr/>
              <p:nvPr/>
            </p:nvPicPr>
            <p:blipFill>
              <a:blip r:embed="rId23"/>
              <a:stretch>
                <a:fillRect/>
              </a:stretch>
            </p:blipFill>
            <p:spPr>
              <a:xfrm>
                <a:off x="2856240" y="1796760"/>
                <a:ext cx="1800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4">
            <p14:nvContentPartPr>
              <p14:cNvPr id="25" name="Ink 24">
                <a:extLst>
                  <a:ext uri="{FF2B5EF4-FFF2-40B4-BE49-F238E27FC236}">
                    <a16:creationId xmlns:a16="http://schemas.microsoft.com/office/drawing/2014/main" id="{CAF2F6B5-E0BC-6DF5-37A4-8566C94917FB}"/>
                  </a:ext>
                </a:extLst>
              </p14:cNvPr>
              <p14:cNvContentPartPr/>
              <p14:nvPr/>
            </p14:nvContentPartPr>
            <p14:xfrm>
              <a:off x="7741800" y="2994480"/>
              <a:ext cx="360" cy="360"/>
            </p14:xfrm>
          </p:contentPart>
        </mc:Choice>
        <mc:Fallback xmlns="">
          <p:pic>
            <p:nvPicPr>
              <p:cNvPr id="25" name="Ink 24">
                <a:extLst>
                  <a:ext uri="{FF2B5EF4-FFF2-40B4-BE49-F238E27FC236}">
                    <a16:creationId xmlns:a16="http://schemas.microsoft.com/office/drawing/2014/main" id="{CAF2F6B5-E0BC-6DF5-37A4-8566C94917FB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7732800" y="2985480"/>
                <a:ext cx="1800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5">
            <p14:nvContentPartPr>
              <p14:cNvPr id="26" name="Ink 25">
                <a:extLst>
                  <a:ext uri="{FF2B5EF4-FFF2-40B4-BE49-F238E27FC236}">
                    <a16:creationId xmlns:a16="http://schemas.microsoft.com/office/drawing/2014/main" id="{8995D1F6-3287-6FA3-F447-C973A1090EB2}"/>
                  </a:ext>
                </a:extLst>
              </p14:cNvPr>
              <p14:cNvContentPartPr/>
              <p14:nvPr/>
            </p14:nvContentPartPr>
            <p14:xfrm>
              <a:off x="7345800" y="3535560"/>
              <a:ext cx="360" cy="360"/>
            </p14:xfrm>
          </p:contentPart>
        </mc:Choice>
        <mc:Fallback xmlns="">
          <p:pic>
            <p:nvPicPr>
              <p:cNvPr id="26" name="Ink 25">
                <a:extLst>
                  <a:ext uri="{FF2B5EF4-FFF2-40B4-BE49-F238E27FC236}">
                    <a16:creationId xmlns:a16="http://schemas.microsoft.com/office/drawing/2014/main" id="{8995D1F6-3287-6FA3-F447-C973A1090EB2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7336800" y="3526560"/>
                <a:ext cx="1800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6">
            <p14:nvContentPartPr>
              <p14:cNvPr id="27" name="Ink 26">
                <a:extLst>
                  <a:ext uri="{FF2B5EF4-FFF2-40B4-BE49-F238E27FC236}">
                    <a16:creationId xmlns:a16="http://schemas.microsoft.com/office/drawing/2014/main" id="{C86338E9-1F46-09EB-CE68-4159EF350F6B}"/>
                  </a:ext>
                </a:extLst>
              </p14:cNvPr>
              <p14:cNvContentPartPr/>
              <p14:nvPr/>
            </p14:nvContentPartPr>
            <p14:xfrm>
              <a:off x="7345800" y="3634560"/>
              <a:ext cx="198360" cy="297720"/>
            </p14:xfrm>
          </p:contentPart>
        </mc:Choice>
        <mc:Fallback xmlns="">
          <p:pic>
            <p:nvPicPr>
              <p:cNvPr id="27" name="Ink 26">
                <a:extLst>
                  <a:ext uri="{FF2B5EF4-FFF2-40B4-BE49-F238E27FC236}">
                    <a16:creationId xmlns:a16="http://schemas.microsoft.com/office/drawing/2014/main" id="{C86338E9-1F46-09EB-CE68-4159EF350F6B}"/>
                  </a:ext>
                </a:extLst>
              </p:cNvPr>
              <p:cNvPicPr/>
              <p:nvPr/>
            </p:nvPicPr>
            <p:blipFill>
              <a:blip r:embed="rId27"/>
              <a:stretch>
                <a:fillRect/>
              </a:stretch>
            </p:blipFill>
            <p:spPr>
              <a:xfrm>
                <a:off x="7336800" y="3625560"/>
                <a:ext cx="216000" cy="3153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8">
            <p14:nvContentPartPr>
              <p14:cNvPr id="29" name="Ink 28">
                <a:extLst>
                  <a:ext uri="{FF2B5EF4-FFF2-40B4-BE49-F238E27FC236}">
                    <a16:creationId xmlns:a16="http://schemas.microsoft.com/office/drawing/2014/main" id="{C6FD64D9-75F3-3A44-8193-41F9F3C5B44E}"/>
                  </a:ext>
                </a:extLst>
              </p14:cNvPr>
              <p14:cNvContentPartPr/>
              <p14:nvPr/>
            </p14:nvContentPartPr>
            <p14:xfrm>
              <a:off x="7244000" y="3484640"/>
              <a:ext cx="360" cy="360"/>
            </p14:xfrm>
          </p:contentPart>
        </mc:Choice>
        <mc:Fallback xmlns="">
          <p:pic>
            <p:nvPicPr>
              <p:cNvPr id="29" name="Ink 28">
                <a:extLst>
                  <a:ext uri="{FF2B5EF4-FFF2-40B4-BE49-F238E27FC236}">
                    <a16:creationId xmlns:a16="http://schemas.microsoft.com/office/drawing/2014/main" id="{C6FD64D9-75F3-3A44-8193-41F9F3C5B44E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7235000" y="3475640"/>
                <a:ext cx="1800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9">
            <p14:nvContentPartPr>
              <p14:cNvPr id="30" name="Ink 29">
                <a:extLst>
                  <a:ext uri="{FF2B5EF4-FFF2-40B4-BE49-F238E27FC236}">
                    <a16:creationId xmlns:a16="http://schemas.microsoft.com/office/drawing/2014/main" id="{582B725C-38DB-5F8D-30D9-00004E6D46CF}"/>
                  </a:ext>
                </a:extLst>
              </p14:cNvPr>
              <p14:cNvContentPartPr/>
              <p14:nvPr/>
            </p14:nvContentPartPr>
            <p14:xfrm>
              <a:off x="7213400" y="3972440"/>
              <a:ext cx="2160" cy="360"/>
            </p14:xfrm>
          </p:contentPart>
        </mc:Choice>
        <mc:Fallback xmlns="">
          <p:pic>
            <p:nvPicPr>
              <p:cNvPr id="30" name="Ink 29">
                <a:extLst>
                  <a:ext uri="{FF2B5EF4-FFF2-40B4-BE49-F238E27FC236}">
                    <a16:creationId xmlns:a16="http://schemas.microsoft.com/office/drawing/2014/main" id="{582B725C-38DB-5F8D-30D9-00004E6D46CF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7202600" y="3963440"/>
                <a:ext cx="23328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0">
            <p14:nvContentPartPr>
              <p14:cNvPr id="31" name="Ink 30">
                <a:extLst>
                  <a:ext uri="{FF2B5EF4-FFF2-40B4-BE49-F238E27FC236}">
                    <a16:creationId xmlns:a16="http://schemas.microsoft.com/office/drawing/2014/main" id="{CC8B9000-3557-A046-0BD8-E11A49F0351C}"/>
                  </a:ext>
                </a:extLst>
              </p14:cNvPr>
              <p14:cNvContentPartPr/>
              <p14:nvPr/>
            </p14:nvContentPartPr>
            <p14:xfrm>
              <a:off x="9298126" y="2665520"/>
              <a:ext cx="796320" cy="956520"/>
            </p14:xfrm>
          </p:contentPart>
        </mc:Choice>
        <mc:Fallback xmlns="">
          <p:pic>
            <p:nvPicPr>
              <p:cNvPr id="31" name="Ink 30">
                <a:extLst>
                  <a:ext uri="{FF2B5EF4-FFF2-40B4-BE49-F238E27FC236}">
                    <a16:creationId xmlns:a16="http://schemas.microsoft.com/office/drawing/2014/main" id="{CC8B9000-3557-A046-0BD8-E11A49F0351C}"/>
                  </a:ext>
                </a:extLst>
              </p:cNvPr>
              <p:cNvPicPr/>
              <p:nvPr/>
            </p:nvPicPr>
            <p:blipFill>
              <a:blip r:embed="rId31"/>
              <a:stretch>
                <a:fillRect/>
              </a:stretch>
            </p:blipFill>
            <p:spPr>
              <a:xfrm>
                <a:off x="9289126" y="2656520"/>
                <a:ext cx="813960" cy="9741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2">
            <p14:nvContentPartPr>
              <p14:cNvPr id="32" name="Ink 31">
                <a:extLst>
                  <a:ext uri="{FF2B5EF4-FFF2-40B4-BE49-F238E27FC236}">
                    <a16:creationId xmlns:a16="http://schemas.microsoft.com/office/drawing/2014/main" id="{19E5B0C9-9E26-ECAF-804A-9F367B6CACDC}"/>
                  </a:ext>
                </a:extLst>
              </p14:cNvPr>
              <p14:cNvContentPartPr/>
              <p14:nvPr/>
            </p14:nvContentPartPr>
            <p14:xfrm>
              <a:off x="9875600" y="1696880"/>
              <a:ext cx="360" cy="360"/>
            </p14:xfrm>
          </p:contentPart>
        </mc:Choice>
        <mc:Fallback xmlns="">
          <p:pic>
            <p:nvPicPr>
              <p:cNvPr id="32" name="Ink 31">
                <a:extLst>
                  <a:ext uri="{FF2B5EF4-FFF2-40B4-BE49-F238E27FC236}">
                    <a16:creationId xmlns:a16="http://schemas.microsoft.com/office/drawing/2014/main" id="{19E5B0C9-9E26-ECAF-804A-9F367B6CACDC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9866600" y="1687880"/>
                <a:ext cx="1800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3">
            <p14:nvContentPartPr>
              <p14:cNvPr id="33" name="Ink 32">
                <a:extLst>
                  <a:ext uri="{FF2B5EF4-FFF2-40B4-BE49-F238E27FC236}">
                    <a16:creationId xmlns:a16="http://schemas.microsoft.com/office/drawing/2014/main" id="{0469DC0E-4025-32BA-E104-4527F90AF00F}"/>
                  </a:ext>
                </a:extLst>
              </p14:cNvPr>
              <p14:cNvContentPartPr/>
              <p14:nvPr/>
            </p14:nvContentPartPr>
            <p14:xfrm>
              <a:off x="1777760" y="550640"/>
              <a:ext cx="360" cy="8280"/>
            </p14:xfrm>
          </p:contentPart>
        </mc:Choice>
        <mc:Fallback xmlns="">
          <p:pic>
            <p:nvPicPr>
              <p:cNvPr id="33" name="Ink 32">
                <a:extLst>
                  <a:ext uri="{FF2B5EF4-FFF2-40B4-BE49-F238E27FC236}">
                    <a16:creationId xmlns:a16="http://schemas.microsoft.com/office/drawing/2014/main" id="{0469DC0E-4025-32BA-E104-4527F90AF00F}"/>
                  </a:ext>
                </a:extLst>
              </p:cNvPr>
              <p:cNvPicPr/>
              <p:nvPr/>
            </p:nvPicPr>
            <p:blipFill>
              <a:blip r:embed="rId34"/>
              <a:stretch>
                <a:fillRect/>
              </a:stretch>
            </p:blipFill>
            <p:spPr>
              <a:xfrm>
                <a:off x="1768760" y="542015"/>
                <a:ext cx="18000" cy="2518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5">
            <p14:nvContentPartPr>
              <p14:cNvPr id="34" name="Ink 33">
                <a:extLst>
                  <a:ext uri="{FF2B5EF4-FFF2-40B4-BE49-F238E27FC236}">
                    <a16:creationId xmlns:a16="http://schemas.microsoft.com/office/drawing/2014/main" id="{A1D92A9A-3EE2-A275-D748-F5EBF64C728D}"/>
                  </a:ext>
                </a:extLst>
              </p14:cNvPr>
              <p14:cNvContentPartPr/>
              <p14:nvPr/>
            </p14:nvContentPartPr>
            <p14:xfrm>
              <a:off x="8158400" y="4480400"/>
              <a:ext cx="360" cy="360"/>
            </p14:xfrm>
          </p:contentPart>
        </mc:Choice>
        <mc:Fallback xmlns="">
          <p:pic>
            <p:nvPicPr>
              <p:cNvPr id="34" name="Ink 33">
                <a:extLst>
                  <a:ext uri="{FF2B5EF4-FFF2-40B4-BE49-F238E27FC236}">
                    <a16:creationId xmlns:a16="http://schemas.microsoft.com/office/drawing/2014/main" id="{A1D92A9A-3EE2-A275-D748-F5EBF64C728D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8149400" y="4471400"/>
                <a:ext cx="18000" cy="18000"/>
              </a:xfrm>
              <a:prstGeom prst="rect">
                <a:avLst/>
              </a:prstGeom>
            </p:spPr>
          </p:pic>
        </mc:Fallback>
      </mc:AlternateContent>
      <p:pic>
        <p:nvPicPr>
          <p:cNvPr id="5" name="Picture 4">
            <a:extLst>
              <a:ext uri="{FF2B5EF4-FFF2-40B4-BE49-F238E27FC236}">
                <a16:creationId xmlns:a16="http://schemas.microsoft.com/office/drawing/2014/main" id="{0773561F-BFBD-1561-4045-42E3B00EA8BB}"/>
              </a:ext>
            </a:extLst>
          </p:cNvPr>
          <p:cNvPicPr>
            <a:picLocks noChangeAspect="1"/>
          </p:cNvPicPr>
          <p:nvPr/>
        </p:nvPicPr>
        <p:blipFill>
          <a:blip r:embed="rId36"/>
          <a:stretch>
            <a:fillRect/>
          </a:stretch>
        </p:blipFill>
        <p:spPr>
          <a:xfrm>
            <a:off x="5868975" y="4330791"/>
            <a:ext cx="5768840" cy="1928027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6A8C1CD6-5235-ABFF-4310-B04B71C94905}"/>
              </a:ext>
            </a:extLst>
          </p:cNvPr>
          <p:cNvSpPr/>
          <p:nvPr/>
        </p:nvSpPr>
        <p:spPr bwMode="auto">
          <a:xfrm>
            <a:off x="5860223" y="5489509"/>
            <a:ext cx="5385528" cy="130000"/>
          </a:xfrm>
          <a:prstGeom prst="rect">
            <a:avLst/>
          </a:prstGeom>
          <a:solidFill>
            <a:schemeClr val="accent1">
              <a:alpha val="37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9003117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762624DE-8F8C-B4CA-6B32-90F40E5D4A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21BBC14-2537-74C1-8741-79258D0A882C}"/>
              </a:ext>
            </a:extLst>
          </p:cNvPr>
          <p:cNvSpPr txBox="1"/>
          <p:nvPr/>
        </p:nvSpPr>
        <p:spPr>
          <a:xfrm>
            <a:off x="3238500" y="2400300"/>
            <a:ext cx="7563100" cy="135421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8800" b="1">
                <a:solidFill>
                  <a:srgbClr val="C00000"/>
                </a:solidFill>
                <a:latin typeface="+mn-lt"/>
              </a:rPr>
              <a:t>Thank </a:t>
            </a:r>
            <a:r>
              <a:rPr lang="it-IT" sz="8800" b="1" err="1">
                <a:solidFill>
                  <a:srgbClr val="C00000"/>
                </a:solidFill>
                <a:latin typeface="+mn-lt"/>
              </a:rPr>
              <a:t>you</a:t>
            </a:r>
            <a:r>
              <a:rPr lang="it-IT" sz="8800" b="1">
                <a:solidFill>
                  <a:srgbClr val="C00000"/>
                </a:solidFill>
                <a:latin typeface="+mn-lt"/>
              </a:rPr>
              <a:t>!</a:t>
            </a:r>
            <a:endParaRPr lang="en-GB" sz="8800" b="1" err="1">
              <a:solidFill>
                <a:srgbClr val="C0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9232912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: rundade hörn 8">
            <a:extLst>
              <a:ext uri="{FF2B5EF4-FFF2-40B4-BE49-F238E27FC236}">
                <a16:creationId xmlns:a16="http://schemas.microsoft.com/office/drawing/2014/main" id="{094446C9-A0DE-A632-DA11-4D3DE65EE0EC}"/>
              </a:ext>
            </a:extLst>
          </p:cNvPr>
          <p:cNvSpPr/>
          <p:nvPr/>
        </p:nvSpPr>
        <p:spPr bwMode="auto">
          <a:xfrm>
            <a:off x="4027256" y="215390"/>
            <a:ext cx="3579772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DD0595-6598-76EE-7725-2888EA77B1C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22604" y="-6282"/>
            <a:ext cx="3580286" cy="877587"/>
          </a:xfrm>
        </p:spPr>
        <p:txBody>
          <a:bodyPr/>
          <a:lstStyle/>
          <a:p>
            <a:pPr algn="ctr"/>
            <a:r>
              <a:rPr lang="en-GB">
                <a:solidFill>
                  <a:srgbClr val="FFFFFF"/>
                </a:solidFill>
                <a:cs typeface="Arial"/>
              </a:rPr>
              <a:t>Introduction</a:t>
            </a:r>
            <a:endParaRPr lang="en-GB">
              <a:solidFill>
                <a:srgbClr val="FFFFFF"/>
              </a:solidFill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D2E5F3B-0BFC-C597-4562-06E280C3293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12154" y="1364343"/>
            <a:ext cx="4790682" cy="4545578"/>
          </a:xfrm>
        </p:spPr>
        <p:txBody>
          <a:bodyPr/>
          <a:lstStyle/>
          <a:p>
            <a:pPr marL="0" indent="0">
              <a:buNone/>
            </a:pPr>
            <a:r>
              <a:rPr lang="en-GB" sz="1600" b="1">
                <a:cs typeface="Arial"/>
              </a:rPr>
              <a:t>AMS:</a:t>
            </a:r>
            <a:endParaRPr lang="it-IT" sz="1600">
              <a:ea typeface="ＭＳ Ｐゴシック"/>
              <a:cs typeface="Arial"/>
            </a:endParaRPr>
          </a:p>
          <a:p>
            <a:pPr marL="413385" lvl="1" indent="-197485">
              <a:buFont typeface="Arial"/>
              <a:buChar char="•"/>
            </a:pPr>
            <a:r>
              <a:rPr lang="en-GB" sz="1600" b="1">
                <a:cs typeface="Arial"/>
              </a:rPr>
              <a:t> </a:t>
            </a:r>
            <a:r>
              <a:rPr lang="en-GB" sz="1600" err="1">
                <a:cs typeface="Arial"/>
              </a:rPr>
              <a:t>i</a:t>
            </a:r>
            <a:r>
              <a:rPr lang="it-IT" sz="1600" err="1">
                <a:ea typeface="ＭＳ Ｐゴシック"/>
                <a:cs typeface="Arial"/>
              </a:rPr>
              <a:t>nvestigate</a:t>
            </a:r>
            <a:r>
              <a:rPr lang="it-IT" sz="1600">
                <a:latin typeface="+mn-lt"/>
                <a:ea typeface="ＭＳ Ｐゴシック"/>
                <a:cs typeface="Arial"/>
              </a:rPr>
              <a:t> </a:t>
            </a:r>
            <a:r>
              <a:rPr lang="it-IT" sz="1600">
                <a:ea typeface="ＭＳ Ｐゴシック"/>
                <a:cs typeface="Arial"/>
              </a:rPr>
              <a:t>D-A</a:t>
            </a:r>
            <a:r>
              <a:rPr lang="it-IT" sz="1600">
                <a:latin typeface="+mn-lt"/>
                <a:ea typeface="ＭＳ Ｐゴシック"/>
                <a:cs typeface="Arial"/>
              </a:rPr>
              <a:t> </a:t>
            </a:r>
            <a:r>
              <a:rPr lang="it-IT" sz="1600" err="1">
                <a:latin typeface="+mn-lt"/>
                <a:ea typeface="ＭＳ Ｐゴシック"/>
                <a:cs typeface="Arial"/>
              </a:rPr>
              <a:t>materials</a:t>
            </a:r>
            <a:r>
              <a:rPr lang="it-IT" sz="1600">
                <a:ea typeface="ＭＳ Ｐゴシック"/>
                <a:cs typeface="Arial"/>
              </a:rPr>
              <a:t> by setting up the software </a:t>
            </a:r>
            <a:r>
              <a:rPr lang="it-IT" sz="1600" err="1">
                <a:ea typeface="ＭＳ Ｐゴシック"/>
                <a:cs typeface="Arial"/>
              </a:rPr>
              <a:t>using</a:t>
            </a:r>
            <a:r>
              <a:rPr lang="it-IT" sz="1600">
                <a:ea typeface="ＭＳ Ｐゴシック"/>
                <a:cs typeface="Arial"/>
              </a:rPr>
              <a:t> </a:t>
            </a:r>
            <a:r>
              <a:rPr lang="it-IT" sz="1600" err="1">
                <a:ea typeface="ＭＳ Ｐゴシック"/>
                <a:cs typeface="Arial"/>
              </a:rPr>
              <a:t>different</a:t>
            </a:r>
            <a:r>
              <a:rPr lang="it-IT" sz="1600">
                <a:ea typeface="ＭＳ Ｐゴシック"/>
                <a:cs typeface="Arial"/>
              </a:rPr>
              <a:t> </a:t>
            </a:r>
            <a:r>
              <a:rPr lang="it-IT" sz="1600" err="1">
                <a:ea typeface="ＭＳ Ｐゴシック"/>
                <a:cs typeface="Arial"/>
              </a:rPr>
              <a:t>parameters</a:t>
            </a:r>
            <a:endParaRPr lang="it-IT" sz="1600">
              <a:ea typeface="ＭＳ Ｐゴシック"/>
              <a:cs typeface="Arial"/>
            </a:endParaRPr>
          </a:p>
          <a:p>
            <a:pPr marL="413385" lvl="1" indent="-197485">
              <a:buFont typeface="Arial"/>
              <a:buChar char="•"/>
            </a:pPr>
            <a:r>
              <a:rPr lang="it-IT" sz="1600" err="1">
                <a:ea typeface="ＭＳ Ｐゴシック"/>
                <a:cs typeface="Arial"/>
              </a:rPr>
              <a:t>geometry</a:t>
            </a:r>
            <a:r>
              <a:rPr lang="it-IT" sz="1600">
                <a:ea typeface="ＭＳ Ｐゴシック"/>
                <a:cs typeface="Arial"/>
              </a:rPr>
              <a:t> </a:t>
            </a:r>
            <a:r>
              <a:rPr lang="it-IT" sz="1600" err="1">
                <a:ea typeface="ＭＳ Ｐゴシック"/>
                <a:cs typeface="Arial"/>
              </a:rPr>
              <a:t>optimization</a:t>
            </a:r>
            <a:r>
              <a:rPr lang="it-IT" sz="1600">
                <a:ea typeface="ＭＳ Ｐゴシック"/>
                <a:cs typeface="Arial"/>
              </a:rPr>
              <a:t>, </a:t>
            </a:r>
            <a:r>
              <a:rPr lang="it-IT" sz="1600" err="1">
                <a:ea typeface="ＭＳ Ｐゴシック"/>
                <a:cs typeface="Arial"/>
              </a:rPr>
              <a:t>excitation</a:t>
            </a:r>
            <a:r>
              <a:rPr lang="it-IT" sz="1600">
                <a:ea typeface="ＭＳ Ｐゴシック"/>
                <a:cs typeface="Arial"/>
              </a:rPr>
              <a:t> and </a:t>
            </a:r>
            <a:r>
              <a:rPr lang="it-IT" sz="1600" err="1">
                <a:ea typeface="ＭＳ Ｐゴシック"/>
                <a:cs typeface="Arial"/>
              </a:rPr>
              <a:t>relaxation</a:t>
            </a:r>
            <a:endParaRPr lang="it-IT" sz="1600">
              <a:ea typeface="ＭＳ Ｐゴシック"/>
              <a:cs typeface="Arial"/>
            </a:endParaRPr>
          </a:p>
          <a:p>
            <a:pPr marL="413385" lvl="1" indent="-197485">
              <a:buFont typeface="Arial"/>
              <a:buChar char="•"/>
            </a:pPr>
            <a:endParaRPr lang="it-IT" sz="1600">
              <a:ea typeface="ＭＳ Ｐゴシック"/>
              <a:cs typeface="Arial"/>
            </a:endParaRPr>
          </a:p>
          <a:p>
            <a:pPr marL="0" marR="0" lvl="0" indent="0" algn="l" defTabSz="914400" rtl="0" eaLnBrk="1" fontAlgn="base" latinLnBrk="0" hangingPunct="1">
              <a:lnSpc>
                <a:spcPct val="15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600" b="1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Donor-acceptor</a:t>
            </a:r>
            <a:r>
              <a:rPr kumimoji="0" lang="it-IT" sz="1600" b="1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 </a:t>
            </a:r>
            <a:r>
              <a:rPr kumimoji="0" lang="it-IT" sz="1600" b="1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molecules</a:t>
            </a:r>
            <a:r>
              <a:rPr kumimoji="0" lang="it-IT" sz="1600" b="1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: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Arial"/>
            </a:endParaRPr>
          </a:p>
          <a:p>
            <a:pPr marL="501750" lvl="1" indent="-285750">
              <a:lnSpc>
                <a:spcPct val="150000"/>
              </a:lnSpc>
              <a:spcBef>
                <a:spcPts val="432"/>
              </a:spcBef>
              <a:buFont typeface="Arial"/>
              <a:buChar char="•"/>
              <a:defRPr/>
            </a:pPr>
            <a:r>
              <a:rPr kumimoji="0" lang="it-IT" sz="16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Modification</a:t>
            </a:r>
            <a:r>
              <a:rPr kumimoji="0" lang="it-IT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 of the </a:t>
            </a:r>
            <a:r>
              <a:rPr kumimoji="0" lang="it-IT" sz="16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molecular</a:t>
            </a:r>
            <a:r>
              <a:rPr kumimoji="0" lang="it-IT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 core and by </a:t>
            </a:r>
            <a:r>
              <a:rPr kumimoji="0" lang="it-IT" sz="16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attaching</a:t>
            </a:r>
            <a:r>
              <a:rPr kumimoji="0" lang="it-IT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 </a:t>
            </a:r>
            <a:r>
              <a:rPr kumimoji="0" lang="it-IT" sz="16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subsituents</a:t>
            </a:r>
            <a:r>
              <a:rPr kumimoji="0" lang="it-IT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, </a:t>
            </a:r>
            <a:r>
              <a:rPr kumimoji="0" lang="it-IT" sz="16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change</a:t>
            </a:r>
            <a:r>
              <a:rPr kumimoji="0" lang="it-IT" sz="16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 e</a:t>
            </a:r>
            <a:r>
              <a:rPr kumimoji="0" lang="it-IT" sz="1600" b="0" i="0" u="none" strike="noStrike" kern="1200" cap="none" spc="0" normalizeH="0" baseline="3000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- </a:t>
            </a:r>
            <a:r>
              <a:rPr kumimoji="0" lang="it-IT" sz="16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/>
                <a:cs typeface="Arial"/>
              </a:rPr>
              <a:t>density</a:t>
            </a: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  <a:p>
            <a:pPr marL="215900" lvl="1" indent="0">
              <a:buNone/>
            </a:pPr>
            <a:endParaRPr lang="it-IT" sz="1600">
              <a:ea typeface="ＭＳ Ｐゴシック"/>
              <a:cs typeface="Arial"/>
            </a:endParaRPr>
          </a:p>
          <a:p>
            <a:pPr marL="0" indent="0">
              <a:buNone/>
            </a:pPr>
            <a:endParaRPr lang="it-IT">
              <a:ea typeface="ＭＳ Ｐゴシック"/>
              <a:cs typeface="Arial"/>
            </a:endParaRPr>
          </a:p>
          <a:p>
            <a:pPr marL="413385" lvl="1" indent="-197485"/>
            <a:endParaRPr lang="it-IT">
              <a:ea typeface="ＭＳ Ｐゴシック"/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9422302-2C58-E975-F995-0F8EBB04A2A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443188" y="7046965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13" name="Bildobjekt 4" descr="Diagram, schematic&#10;&#10;Description automatically generated">
            <a:extLst>
              <a:ext uri="{FF2B5EF4-FFF2-40B4-BE49-F238E27FC236}">
                <a16:creationId xmlns:a16="http://schemas.microsoft.com/office/drawing/2014/main" id="{894506B5-404D-25EA-26AB-2C2C2F8D069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" t="10410" r="2237"/>
          <a:stretch/>
        </p:blipFill>
        <p:spPr>
          <a:xfrm>
            <a:off x="930755" y="3912243"/>
            <a:ext cx="4382025" cy="2367728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D89F83A7-C632-29B2-79D5-89CB956D570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04212" y="2518627"/>
            <a:ext cx="5355276" cy="3688740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AF78463D-9928-CDB3-2D8C-0722CBEAB018}"/>
              </a:ext>
            </a:extLst>
          </p:cNvPr>
          <p:cNvSpPr txBox="1"/>
          <p:nvPr/>
        </p:nvSpPr>
        <p:spPr>
          <a:xfrm>
            <a:off x="6527322" y="1365657"/>
            <a:ext cx="4788684" cy="84125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 b="1">
                <a:latin typeface="+mn-lt"/>
                <a:ea typeface="ＭＳ Ｐゴシック"/>
                <a:cs typeface="Arial"/>
              </a:rPr>
              <a:t>Organic solar cells</a:t>
            </a:r>
            <a:endParaRPr lang="en-GB" b="1" err="1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en-GB">
                <a:latin typeface="+mn-lt"/>
                <a:ea typeface="ＭＳ Ｐゴシック"/>
                <a:cs typeface="Arial"/>
              </a:rPr>
              <a:t>D-A materials: lightweight, low cost and tunable</a:t>
            </a: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en-GB">
                <a:latin typeface="+mn-lt"/>
                <a:ea typeface="ＭＳ Ｐゴシック"/>
                <a:cs typeface="Arial"/>
              </a:rPr>
              <a:t>Investigate the best molecule for OSC application</a:t>
            </a:r>
            <a:endParaRPr lang="en-GB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96214196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81A629-3C8C-E174-3D91-3C05D62CA1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F682E64-D8FC-7A1B-BCC8-D55FBB7E64DC}"/>
              </a:ext>
            </a:extLst>
          </p:cNvPr>
          <p:cNvSpPr txBox="1"/>
          <p:nvPr/>
        </p:nvSpPr>
        <p:spPr>
          <a:xfrm>
            <a:off x="959149" y="1299647"/>
            <a:ext cx="357977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latin typeface="+mn-lt"/>
              </a:rPr>
              <a:t>DONOR</a:t>
            </a:r>
            <a:endParaRPr lang="en-GB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830D1CE-13A1-7505-0B3F-557004E46C94}"/>
              </a:ext>
            </a:extLst>
          </p:cNvPr>
          <p:cNvSpPr txBox="1"/>
          <p:nvPr/>
        </p:nvSpPr>
        <p:spPr>
          <a:xfrm>
            <a:off x="959149" y="3627064"/>
            <a:ext cx="2853899" cy="2462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latin typeface="+mn-lt"/>
              </a:rPr>
              <a:t>ACCEPTOR-1</a:t>
            </a:r>
            <a:endParaRPr lang="en-GB" err="1">
              <a:latin typeface="+mn-lt"/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CC436F21-4517-7E2E-156D-B58F99E458C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966189" y="1004729"/>
            <a:ext cx="1011451" cy="930535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AA4DCB75-53AC-4898-29C1-22F460965348}"/>
              </a:ext>
            </a:extLst>
          </p:cNvPr>
          <p:cNvSpPr txBox="1"/>
          <p:nvPr/>
        </p:nvSpPr>
        <p:spPr>
          <a:xfrm>
            <a:off x="828924" y="5346494"/>
            <a:ext cx="188726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latin typeface="+mn-lt"/>
              </a:rPr>
              <a:t>ACCEPTOR-2</a:t>
            </a:r>
            <a:endParaRPr lang="en-GB" err="1">
              <a:latin typeface="+mn-lt"/>
            </a:endParaRP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834C1CEC-9CE7-5E7B-0A4C-4558C262529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38235" y="3200538"/>
            <a:ext cx="867357" cy="1049959"/>
          </a:xfrm>
          <a:prstGeom prst="rect">
            <a:avLst/>
          </a:prstGeom>
        </p:spPr>
      </p:pic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B970DFC8-A9B5-F15E-78AD-5B537E8CA977}"/>
              </a:ext>
            </a:extLst>
          </p:cNvPr>
          <p:cNvCxnSpPr/>
          <p:nvPr/>
        </p:nvCxnSpPr>
        <p:spPr bwMode="auto">
          <a:xfrm>
            <a:off x="1865376" y="1408176"/>
            <a:ext cx="713232" cy="0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F5B30A60-99A2-54E0-719A-82EFB1442833}"/>
              </a:ext>
            </a:extLst>
          </p:cNvPr>
          <p:cNvCxnSpPr>
            <a:cxnSpLocks/>
          </p:cNvCxnSpPr>
          <p:nvPr/>
        </p:nvCxnSpPr>
        <p:spPr bwMode="auto">
          <a:xfrm>
            <a:off x="2420530" y="3725518"/>
            <a:ext cx="316155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43B47BD7-B909-757A-0131-1697527D6EBA}"/>
              </a:ext>
            </a:extLst>
          </p:cNvPr>
          <p:cNvSpPr txBox="1"/>
          <p:nvPr/>
        </p:nvSpPr>
        <p:spPr>
          <a:xfrm>
            <a:off x="4265210" y="1285065"/>
            <a:ext cx="2510494" cy="246221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spcBef>
                <a:spcPts val="432"/>
              </a:spcBef>
            </a:pPr>
            <a:r>
              <a:rPr lang="it-IT">
                <a:latin typeface="+mn-lt"/>
                <a:ea typeface="ＭＳ Ｐゴシック"/>
              </a:rPr>
              <a:t>+  </a:t>
            </a:r>
            <a:r>
              <a:rPr lang="it-IT" err="1">
                <a:latin typeface="+mn-lt"/>
                <a:ea typeface="ＭＳ Ｐゴシック"/>
              </a:rPr>
              <a:t>substituents</a:t>
            </a:r>
            <a:endParaRPr lang="it-IT" err="1">
              <a:latin typeface="+mn-lt"/>
              <a:ea typeface="ＭＳ Ｐゴシック"/>
              <a:cs typeface="Arial"/>
            </a:endParaRP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CBFEF7DF-0597-97B4-E379-1004D415A65D}"/>
              </a:ext>
            </a:extLst>
          </p:cNvPr>
          <p:cNvCxnSpPr>
            <a:cxnSpLocks/>
          </p:cNvCxnSpPr>
          <p:nvPr/>
        </p:nvCxnSpPr>
        <p:spPr bwMode="auto">
          <a:xfrm flipV="1">
            <a:off x="6095206" y="772104"/>
            <a:ext cx="863378" cy="636072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F2CB30B9-7E02-8EC4-8324-A870C8184A15}"/>
              </a:ext>
            </a:extLst>
          </p:cNvPr>
          <p:cNvCxnSpPr>
            <a:cxnSpLocks/>
          </p:cNvCxnSpPr>
          <p:nvPr/>
        </p:nvCxnSpPr>
        <p:spPr bwMode="auto">
          <a:xfrm>
            <a:off x="6095206" y="1579903"/>
            <a:ext cx="863378" cy="804672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3" name="Picture 32">
            <a:extLst>
              <a:ext uri="{FF2B5EF4-FFF2-40B4-BE49-F238E27FC236}">
                <a16:creationId xmlns:a16="http://schemas.microsoft.com/office/drawing/2014/main" id="{53790A37-6EFC-9C62-426B-F73A2B92403E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15462" t="3090"/>
          <a:stretch/>
        </p:blipFill>
        <p:spPr>
          <a:xfrm>
            <a:off x="10566622" y="274632"/>
            <a:ext cx="1247962" cy="1148125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81D576ED-81FB-FF17-7FED-F5D30A940E3A}"/>
                  </a:ext>
                </a:extLst>
              </p:cNvPr>
              <p:cNvSpPr txBox="1"/>
              <p:nvPr/>
            </p:nvSpPr>
            <p:spPr>
              <a:xfrm>
                <a:off x="7219918" y="645072"/>
                <a:ext cx="3346704" cy="54373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it-IT">
                    <a:latin typeface="+mn-lt"/>
                  </a:rPr>
                  <a:t>Electron </a:t>
                </a:r>
                <a:r>
                  <a:rPr lang="it-IT" err="1">
                    <a:latin typeface="+mn-lt"/>
                  </a:rPr>
                  <a:t>Donating</a:t>
                </a:r>
                <a:r>
                  <a:rPr lang="it-IT">
                    <a:latin typeface="+mn-lt"/>
                  </a:rPr>
                  <a:t> Group (EDG)</a:t>
                </a:r>
              </a:p>
              <a:p>
                <a:pPr algn="l">
                  <a:spcBef>
                    <a:spcPts val="432"/>
                  </a:spcBef>
                </a:pPr>
                <a:r>
                  <a:rPr lang="it-IT">
                    <a:latin typeface="+mn-lt"/>
                  </a:rPr>
                  <a:t>	(</a:t>
                </a:r>
                <a14:m>
                  <m:oMath xmlns:m="http://schemas.openxmlformats.org/officeDocument/2006/math">
                    <m:r>
                      <a:rPr lang="it-IT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it-IT" b="0" i="1" smtClean="0">
                        <a:latin typeface="Cambria Math" panose="02040503050406030204" pitchFamily="18" charset="0"/>
                      </a:rPr>
                      <m:t>𝑁</m:t>
                    </m:r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𝐻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</m:sSub>
                  </m:oMath>
                </a14:m>
                <a:r>
                  <a:rPr lang="en-GB">
                    <a:latin typeface="+mn-lt"/>
                  </a:rPr>
                  <a:t>)</a:t>
                </a:r>
                <a:endParaRPr lang="en-GB" err="1">
                  <a:latin typeface="+mn-lt"/>
                </a:endParaRPr>
              </a:p>
            </p:txBody>
          </p:sp>
        </mc:Choice>
        <mc:Fallback xmlns="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81D576ED-81FB-FF17-7FED-F5D30A940E3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219918" y="645072"/>
                <a:ext cx="3346704" cy="543739"/>
              </a:xfrm>
              <a:prstGeom prst="rect">
                <a:avLst/>
              </a:prstGeom>
              <a:blipFill>
                <a:blip r:embed="rId5"/>
                <a:stretch>
                  <a:fillRect l="-3643" t="-12360" b="-22472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5" name="Oval 34">
            <a:extLst>
              <a:ext uri="{FF2B5EF4-FFF2-40B4-BE49-F238E27FC236}">
                <a16:creationId xmlns:a16="http://schemas.microsoft.com/office/drawing/2014/main" id="{2F84B3B2-E9B0-ADEB-8B3C-5800A7761ADE}"/>
              </a:ext>
            </a:extLst>
          </p:cNvPr>
          <p:cNvSpPr/>
          <p:nvPr/>
        </p:nvSpPr>
        <p:spPr bwMode="auto">
          <a:xfrm>
            <a:off x="10991088" y="274631"/>
            <a:ext cx="515362" cy="252015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7" name="TextBox 36">
                <a:extLst>
                  <a:ext uri="{FF2B5EF4-FFF2-40B4-BE49-F238E27FC236}">
                    <a16:creationId xmlns:a16="http://schemas.microsoft.com/office/drawing/2014/main" id="{0AA48FED-0582-6F32-94C4-FC0E501BE9D0}"/>
                  </a:ext>
                </a:extLst>
              </p:cNvPr>
              <p:cNvSpPr txBox="1"/>
              <p:nvPr/>
            </p:nvSpPr>
            <p:spPr>
              <a:xfrm>
                <a:off x="7063274" y="2215428"/>
                <a:ext cx="6094476" cy="636072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it-IT">
                    <a:latin typeface="+mn-lt"/>
                  </a:rPr>
                  <a:t>Electron </a:t>
                </a:r>
                <a:r>
                  <a:rPr lang="it-IT" err="1">
                    <a:latin typeface="+mn-lt"/>
                  </a:rPr>
                  <a:t>Withdrawing</a:t>
                </a:r>
                <a:r>
                  <a:rPr lang="it-IT">
                    <a:latin typeface="+mn-lt"/>
                  </a:rPr>
                  <a:t> Group (EWG)</a:t>
                </a:r>
              </a:p>
              <a:p>
                <a:pPr algn="l">
                  <a:spcBef>
                    <a:spcPts val="432"/>
                  </a:spcBef>
                </a:pPr>
                <a:r>
                  <a:rPr lang="it-IT">
                    <a:latin typeface="+mn-lt"/>
                  </a:rPr>
                  <a:t>	(</a:t>
                </a:r>
                <a14:m>
                  <m:oMath xmlns:m="http://schemas.openxmlformats.org/officeDocument/2006/math">
                    <m:r>
                      <a:rPr lang="it-IT" b="0" i="1" smtClean="0">
                        <a:latin typeface="Cambria Math" panose="02040503050406030204" pitchFamily="18" charset="0"/>
                      </a:rPr>
                      <m:t>−</m:t>
                    </m:r>
                    <m:r>
                      <a:rPr lang="it-IT" b="0" i="1" smtClean="0">
                        <a:latin typeface="Cambria Math" panose="02040503050406030204" pitchFamily="18" charset="0"/>
                      </a:rPr>
                      <m:t>𝑁</m:t>
                    </m:r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𝑂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</m:sSub>
                  </m:oMath>
                </a14:m>
                <a:r>
                  <a:rPr lang="en-GB">
                    <a:latin typeface="+mn-lt"/>
                  </a:rPr>
                  <a:t>)</a:t>
                </a:r>
                <a:endParaRPr lang="en-GB" err="1">
                  <a:latin typeface="+mn-lt"/>
                </a:endParaRPr>
              </a:p>
            </p:txBody>
          </p:sp>
        </mc:Choice>
        <mc:Fallback xmlns="">
          <p:sp>
            <p:nvSpPr>
              <p:cNvPr id="37" name="TextBox 36">
                <a:extLst>
                  <a:ext uri="{FF2B5EF4-FFF2-40B4-BE49-F238E27FC236}">
                    <a16:creationId xmlns:a16="http://schemas.microsoft.com/office/drawing/2014/main" id="{0AA48FED-0582-6F32-94C4-FC0E501BE9D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063274" y="2215428"/>
                <a:ext cx="6094476" cy="636072"/>
              </a:xfrm>
              <a:prstGeom prst="rect">
                <a:avLst/>
              </a:prstGeom>
              <a:blipFill>
                <a:blip r:embed="rId6"/>
                <a:stretch>
                  <a:fillRect l="-601" t="-2857" b="-1142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41" name="Picture 40">
            <a:extLst>
              <a:ext uri="{FF2B5EF4-FFF2-40B4-BE49-F238E27FC236}">
                <a16:creationId xmlns:a16="http://schemas.microsoft.com/office/drawing/2014/main" id="{0CE03EA4-C081-B1EF-C286-C59DF230A3B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0566622" y="1874459"/>
            <a:ext cx="1247962" cy="1020232"/>
          </a:xfrm>
          <a:prstGeom prst="rect">
            <a:avLst/>
          </a:prstGeom>
        </p:spPr>
      </p:pic>
      <p:sp>
        <p:nvSpPr>
          <p:cNvPr id="42" name="Oval 41">
            <a:extLst>
              <a:ext uri="{FF2B5EF4-FFF2-40B4-BE49-F238E27FC236}">
                <a16:creationId xmlns:a16="http://schemas.microsoft.com/office/drawing/2014/main" id="{9D10797F-D371-7E76-AE12-A013CD845E05}"/>
              </a:ext>
            </a:extLst>
          </p:cNvPr>
          <p:cNvSpPr/>
          <p:nvPr/>
        </p:nvSpPr>
        <p:spPr bwMode="auto">
          <a:xfrm>
            <a:off x="10991088" y="1874458"/>
            <a:ext cx="515362" cy="233787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43" name="Picture 42">
            <a:extLst>
              <a:ext uri="{FF2B5EF4-FFF2-40B4-BE49-F238E27FC236}">
                <a16:creationId xmlns:a16="http://schemas.microsoft.com/office/drawing/2014/main" id="{195A2A4A-414E-F618-E1A8-54C73C3298CD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b="8205"/>
          <a:stretch/>
        </p:blipFill>
        <p:spPr>
          <a:xfrm>
            <a:off x="3038235" y="4828195"/>
            <a:ext cx="867356" cy="1664765"/>
          </a:xfrm>
          <a:prstGeom prst="rect">
            <a:avLst/>
          </a:prstGeom>
        </p:spPr>
      </p:pic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91511D32-24B5-987B-2B29-9551F14808CB}"/>
              </a:ext>
            </a:extLst>
          </p:cNvPr>
          <p:cNvCxnSpPr>
            <a:cxnSpLocks/>
          </p:cNvCxnSpPr>
          <p:nvPr/>
        </p:nvCxnSpPr>
        <p:spPr bwMode="auto">
          <a:xfrm>
            <a:off x="2400033" y="5552629"/>
            <a:ext cx="316155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7" name="Rectangle 46">
            <a:extLst>
              <a:ext uri="{FF2B5EF4-FFF2-40B4-BE49-F238E27FC236}">
                <a16:creationId xmlns:a16="http://schemas.microsoft.com/office/drawing/2014/main" id="{6D483FDE-3B1F-A68B-3D8B-3C5439566C6D}"/>
              </a:ext>
            </a:extLst>
          </p:cNvPr>
          <p:cNvSpPr/>
          <p:nvPr/>
        </p:nvSpPr>
        <p:spPr bwMode="auto">
          <a:xfrm>
            <a:off x="897308" y="1172952"/>
            <a:ext cx="885772" cy="406952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EA11135-98BC-A282-F4FD-BD07DA2CE8E9}"/>
              </a:ext>
            </a:extLst>
          </p:cNvPr>
          <p:cNvSpPr/>
          <p:nvPr/>
        </p:nvSpPr>
        <p:spPr bwMode="auto">
          <a:xfrm>
            <a:off x="828924" y="3522041"/>
            <a:ext cx="1499062" cy="406952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9" name="Rectangle 48">
            <a:extLst>
              <a:ext uri="{FF2B5EF4-FFF2-40B4-BE49-F238E27FC236}">
                <a16:creationId xmlns:a16="http://schemas.microsoft.com/office/drawing/2014/main" id="{59499FBB-AAE3-5FCF-34A7-75AEB552E6D5}"/>
              </a:ext>
            </a:extLst>
          </p:cNvPr>
          <p:cNvSpPr/>
          <p:nvPr/>
        </p:nvSpPr>
        <p:spPr bwMode="auto">
          <a:xfrm>
            <a:off x="828924" y="5309615"/>
            <a:ext cx="1499062" cy="406952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0" name="Rectangle 49">
            <a:extLst>
              <a:ext uri="{FF2B5EF4-FFF2-40B4-BE49-F238E27FC236}">
                <a16:creationId xmlns:a16="http://schemas.microsoft.com/office/drawing/2014/main" id="{25B8B62E-4EA6-B4DE-8EFD-2936F4A3AD09}"/>
              </a:ext>
            </a:extLst>
          </p:cNvPr>
          <p:cNvSpPr/>
          <p:nvPr/>
        </p:nvSpPr>
        <p:spPr bwMode="auto">
          <a:xfrm>
            <a:off x="7063274" y="526645"/>
            <a:ext cx="3320468" cy="773001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2" name="Rectangle 51">
            <a:extLst>
              <a:ext uri="{FF2B5EF4-FFF2-40B4-BE49-F238E27FC236}">
                <a16:creationId xmlns:a16="http://schemas.microsoft.com/office/drawing/2014/main" id="{19D9F7F6-B16F-B827-A071-AF3151FBCDCD}"/>
              </a:ext>
            </a:extLst>
          </p:cNvPr>
          <p:cNvSpPr/>
          <p:nvPr/>
        </p:nvSpPr>
        <p:spPr bwMode="auto">
          <a:xfrm>
            <a:off x="7067966" y="2146963"/>
            <a:ext cx="3346703" cy="773001"/>
          </a:xfrm>
          <a:prstGeom prst="rect">
            <a:avLst/>
          </a:prstGeom>
          <a:solidFill>
            <a:schemeClr val="accent1">
              <a:alpha val="1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5" name="Bildobjekt 2" descr="Diagram&#10;&#10;Description automatically generated">
            <a:extLst>
              <a:ext uri="{FF2B5EF4-FFF2-40B4-BE49-F238E27FC236}">
                <a16:creationId xmlns:a16="http://schemas.microsoft.com/office/drawing/2014/main" id="{951F5D18-BF77-7570-3C30-AAC810083151}"/>
              </a:ext>
            </a:extLst>
          </p:cNvPr>
          <p:cNvPicPr>
            <a:picLocks noChangeAspect="1"/>
          </p:cNvPicPr>
          <p:nvPr/>
        </p:nvPicPr>
        <p:blipFill rotWithShape="1">
          <a:blip r:embed="rId9"/>
          <a:srcRect r="2801" b="314"/>
          <a:stretch/>
        </p:blipFill>
        <p:spPr>
          <a:xfrm>
            <a:off x="7556296" y="3393548"/>
            <a:ext cx="3434792" cy="3128883"/>
          </a:xfrm>
          <a:prstGeom prst="rect">
            <a:avLst/>
          </a:prstGeom>
        </p:spPr>
      </p:pic>
      <p:pic>
        <p:nvPicPr>
          <p:cNvPr id="6" name="Bildobjekt 9" descr="Diagram&#10;&#10;Description automatically generated">
            <a:extLst>
              <a:ext uri="{FF2B5EF4-FFF2-40B4-BE49-F238E27FC236}">
                <a16:creationId xmlns:a16="http://schemas.microsoft.com/office/drawing/2014/main" id="{0ECB0F01-4BFD-9E69-7E0D-2E354DB93B58}"/>
              </a:ext>
            </a:extLst>
          </p:cNvPr>
          <p:cNvPicPr>
            <a:picLocks noChangeAspect="1"/>
          </p:cNvPicPr>
          <p:nvPr/>
        </p:nvPicPr>
        <p:blipFill rotWithShape="1">
          <a:blip r:embed="rId10"/>
          <a:srcRect l="3540" b="-459"/>
          <a:stretch/>
        </p:blipFill>
        <p:spPr>
          <a:xfrm>
            <a:off x="5890896" y="3391614"/>
            <a:ext cx="1701765" cy="1708517"/>
          </a:xfrm>
          <a:prstGeom prst="rect">
            <a:avLst/>
          </a:prstGeom>
        </p:spPr>
      </p:pic>
      <p:pic>
        <p:nvPicPr>
          <p:cNvPr id="7" name="Bildobjekt 16" descr="Diagram&#10;&#10;Description automatically generated">
            <a:extLst>
              <a:ext uri="{FF2B5EF4-FFF2-40B4-BE49-F238E27FC236}">
                <a16:creationId xmlns:a16="http://schemas.microsoft.com/office/drawing/2014/main" id="{A4DF3DDD-57B2-710E-0CB4-A091364C0026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832095" y="5007477"/>
            <a:ext cx="1616894" cy="1472455"/>
          </a:xfrm>
          <a:prstGeom prst="rect">
            <a:avLst/>
          </a:prstGeom>
        </p:spPr>
      </p:pic>
      <p:pic>
        <p:nvPicPr>
          <p:cNvPr id="10" name="Bildobjekt 22" descr="Diagram&#10;&#10;Description automatically generated">
            <a:extLst>
              <a:ext uri="{FF2B5EF4-FFF2-40B4-BE49-F238E27FC236}">
                <a16:creationId xmlns:a16="http://schemas.microsoft.com/office/drawing/2014/main" id="{A724E011-F3E4-B201-6C8B-B0B282935410}"/>
              </a:ext>
            </a:extLst>
          </p:cNvPr>
          <p:cNvPicPr>
            <a:picLocks noChangeAspect="1"/>
          </p:cNvPicPr>
          <p:nvPr/>
        </p:nvPicPr>
        <p:blipFill rotWithShape="1">
          <a:blip r:embed="rId12"/>
          <a:srcRect b="13016"/>
          <a:stretch/>
        </p:blipFill>
        <p:spPr>
          <a:xfrm>
            <a:off x="9107150" y="3608542"/>
            <a:ext cx="1932945" cy="1489280"/>
          </a:xfrm>
          <a:prstGeom prst="rect">
            <a:avLst/>
          </a:prstGeom>
        </p:spPr>
      </p:pic>
      <p:pic>
        <p:nvPicPr>
          <p:cNvPr id="12" name="Bildobjekt 23" descr="Diagram&#10;&#10;Description automatically generated">
            <a:extLst>
              <a:ext uri="{FF2B5EF4-FFF2-40B4-BE49-F238E27FC236}">
                <a16:creationId xmlns:a16="http://schemas.microsoft.com/office/drawing/2014/main" id="{42E9AC1D-E98D-ADA7-A164-356AF83CA37F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7449638" y="5100131"/>
            <a:ext cx="2058837" cy="1390727"/>
          </a:xfrm>
          <a:prstGeom prst="rect">
            <a:avLst/>
          </a:prstGeom>
        </p:spPr>
      </p:pic>
      <p:sp>
        <p:nvSpPr>
          <p:cNvPr id="14" name="Rectangle 13">
            <a:extLst>
              <a:ext uri="{FF2B5EF4-FFF2-40B4-BE49-F238E27FC236}">
                <a16:creationId xmlns:a16="http://schemas.microsoft.com/office/drawing/2014/main" id="{547F2B71-D777-41FD-BB14-26DEF7B37C9F}"/>
              </a:ext>
            </a:extLst>
          </p:cNvPr>
          <p:cNvSpPr/>
          <p:nvPr/>
        </p:nvSpPr>
        <p:spPr bwMode="auto">
          <a:xfrm>
            <a:off x="5660020" y="3391614"/>
            <a:ext cx="5846430" cy="3149586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9185490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: rundade hörn 8">
            <a:extLst>
              <a:ext uri="{FF2B5EF4-FFF2-40B4-BE49-F238E27FC236}">
                <a16:creationId xmlns:a16="http://schemas.microsoft.com/office/drawing/2014/main" id="{A4A2326E-D6A5-8BE7-E288-D90E227ACDBE}"/>
              </a:ext>
            </a:extLst>
          </p:cNvPr>
          <p:cNvSpPr/>
          <p:nvPr/>
        </p:nvSpPr>
        <p:spPr bwMode="auto">
          <a:xfrm>
            <a:off x="4027256" y="215390"/>
            <a:ext cx="3579772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916EA8E2-DC46-4D2B-E433-0A6C9E137A5F}"/>
              </a:ext>
            </a:extLst>
          </p:cNvPr>
          <p:cNvSpPr>
            <a:spLocks noGrp="1"/>
          </p:cNvSpPr>
          <p:nvPr/>
        </p:nvSpPr>
        <p:spPr bwMode="auto">
          <a:xfrm>
            <a:off x="4170733" y="-172616"/>
            <a:ext cx="2988620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it-IT" err="1">
                <a:solidFill>
                  <a:schemeClr val="bg1"/>
                </a:solidFill>
              </a:rPr>
              <a:t>Methodology</a:t>
            </a:r>
            <a:endParaRPr lang="en-GB">
              <a:solidFill>
                <a:schemeClr val="bg1"/>
              </a:solidFill>
              <a:cs typeface="Arial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04D86F0-450B-535B-A51E-035678B14E5A}"/>
              </a:ext>
            </a:extLst>
          </p:cNvPr>
          <p:cNvSpPr txBox="1"/>
          <p:nvPr/>
        </p:nvSpPr>
        <p:spPr>
          <a:xfrm>
            <a:off x="4096888" y="1311212"/>
            <a:ext cx="6506609" cy="5217326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>
              <a:lnSpc>
                <a:spcPct val="200000"/>
              </a:lnSpc>
              <a:spcBef>
                <a:spcPts val="432"/>
              </a:spcBef>
            </a:pPr>
            <a:r>
              <a:rPr lang="en-GB" b="1">
                <a:solidFill>
                  <a:srgbClr val="000000"/>
                </a:solidFill>
                <a:latin typeface="+mn-lt"/>
                <a:ea typeface="ＭＳ Ｐゴシック"/>
              </a:rPr>
              <a:t>TASK 1:</a:t>
            </a:r>
          </a:p>
          <a:p>
            <a:pPr>
              <a:lnSpc>
                <a:spcPct val="200000"/>
              </a:lnSpc>
              <a:spcBef>
                <a:spcPts val="432"/>
              </a:spcBef>
            </a:pPr>
            <a:r>
              <a:rPr lang="it-IT">
                <a:latin typeface="+mn-lt"/>
                <a:ea typeface="ＭＳ Ｐゴシック"/>
              </a:rPr>
              <a:t>(1)    Ground state </a:t>
            </a:r>
            <a:r>
              <a:rPr lang="it-IT" err="1">
                <a:latin typeface="+mn-lt"/>
                <a:ea typeface="ＭＳ Ｐゴシック"/>
              </a:rPr>
              <a:t>geometry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optimization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 algn="l">
              <a:lnSpc>
                <a:spcPct val="200000"/>
              </a:lnSpc>
              <a:spcBef>
                <a:spcPts val="432"/>
              </a:spcBef>
            </a:pPr>
            <a:r>
              <a:rPr lang="it-IT" b="1">
                <a:latin typeface="+mn-lt"/>
                <a:ea typeface="ＭＳ Ｐゴシック"/>
              </a:rPr>
              <a:t>TASK 2:</a:t>
            </a:r>
            <a:endParaRPr lang="it-IT" b="1">
              <a:latin typeface="+mn-lt"/>
              <a:ea typeface="ＭＳ Ｐゴシック"/>
              <a:cs typeface="Arial"/>
            </a:endParaRPr>
          </a:p>
          <a:p>
            <a:pPr>
              <a:lnSpc>
                <a:spcPct val="200000"/>
              </a:lnSpc>
              <a:spcBef>
                <a:spcPts val="432"/>
              </a:spcBef>
            </a:pPr>
            <a:r>
              <a:rPr lang="it-IT">
                <a:latin typeface="+mn-lt"/>
                <a:ea typeface="ＭＳ Ｐゴシック"/>
              </a:rPr>
              <a:t>(2.1)  Electronic </a:t>
            </a:r>
            <a:r>
              <a:rPr lang="it-IT" err="1">
                <a:latin typeface="+mn-lt"/>
                <a:ea typeface="ＭＳ Ｐゴシック"/>
              </a:rPr>
              <a:t>structure</a:t>
            </a:r>
            <a:r>
              <a:rPr lang="it-IT">
                <a:latin typeface="+mn-lt"/>
                <a:ea typeface="ＭＳ Ｐゴシック"/>
              </a:rPr>
              <a:t> of the ground state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>
              <a:lnSpc>
                <a:spcPct val="200000"/>
              </a:lnSpc>
              <a:spcBef>
                <a:spcPts val="432"/>
              </a:spcBef>
            </a:pPr>
            <a:r>
              <a:rPr lang="it-IT">
                <a:latin typeface="+mn-lt"/>
                <a:ea typeface="ＭＳ Ｐゴシック"/>
              </a:rPr>
              <a:t>(2.2)  S0 – S1 </a:t>
            </a:r>
            <a:r>
              <a:rPr lang="it-IT" err="1">
                <a:latin typeface="+mn-lt"/>
                <a:ea typeface="ＭＳ Ｐゴシック"/>
              </a:rPr>
              <a:t>excitation</a:t>
            </a:r>
            <a:r>
              <a:rPr lang="it-IT">
                <a:latin typeface="+mn-lt"/>
                <a:ea typeface="ＭＳ Ｐゴシック"/>
              </a:rPr>
              <a:t>, </a:t>
            </a:r>
            <a:r>
              <a:rPr lang="it-IT" err="1">
                <a:latin typeface="+mn-lt"/>
                <a:ea typeface="ＭＳ Ｐゴシック"/>
              </a:rPr>
              <a:t>absorption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>
              <a:lnSpc>
                <a:spcPct val="200000"/>
              </a:lnSpc>
              <a:spcBef>
                <a:spcPts val="432"/>
              </a:spcBef>
            </a:pPr>
            <a:r>
              <a:rPr lang="it-IT" b="1">
                <a:latin typeface="+mn-lt"/>
                <a:ea typeface="ＭＳ Ｐゴシック"/>
              </a:rPr>
              <a:t>TASK 3:</a:t>
            </a:r>
            <a:endParaRPr lang="it-IT" b="1">
              <a:latin typeface="+mn-lt"/>
              <a:ea typeface="ＭＳ Ｐゴシック"/>
              <a:cs typeface="Arial"/>
            </a:endParaRPr>
          </a:p>
          <a:p>
            <a:pPr>
              <a:lnSpc>
                <a:spcPct val="200000"/>
              </a:lnSpc>
              <a:spcBef>
                <a:spcPts val="432"/>
              </a:spcBef>
            </a:pPr>
            <a:r>
              <a:rPr lang="it-IT">
                <a:latin typeface="Arial"/>
                <a:ea typeface="ＭＳ Ｐゴシック"/>
                <a:cs typeface="Arial"/>
              </a:rPr>
              <a:t>(3.1)  </a:t>
            </a:r>
            <a:r>
              <a:rPr lang="it-IT" err="1">
                <a:latin typeface="Arial"/>
                <a:ea typeface="ＭＳ Ｐゴシック"/>
                <a:cs typeface="Arial"/>
              </a:rPr>
              <a:t>Excited</a:t>
            </a:r>
            <a:r>
              <a:rPr lang="it-IT">
                <a:latin typeface="Arial"/>
                <a:ea typeface="ＭＳ Ｐゴシック"/>
                <a:cs typeface="Arial"/>
              </a:rPr>
              <a:t> state </a:t>
            </a:r>
            <a:r>
              <a:rPr lang="it-IT" err="1">
                <a:latin typeface="Arial"/>
                <a:ea typeface="ＭＳ Ｐゴシック"/>
                <a:cs typeface="Arial"/>
              </a:rPr>
              <a:t>geometry</a:t>
            </a:r>
            <a:r>
              <a:rPr lang="it-IT">
                <a:latin typeface="Arial"/>
                <a:ea typeface="ＭＳ Ｐゴシック"/>
                <a:cs typeface="Arial"/>
              </a:rPr>
              <a:t> </a:t>
            </a:r>
            <a:r>
              <a:rPr lang="it-IT" err="1">
                <a:latin typeface="Arial"/>
                <a:ea typeface="ＭＳ Ｐゴシック"/>
                <a:cs typeface="Arial"/>
              </a:rPr>
              <a:t>optimization</a:t>
            </a:r>
            <a:r>
              <a:rPr lang="it-IT">
                <a:latin typeface="Arial"/>
                <a:ea typeface="ＭＳ Ｐゴシック"/>
                <a:cs typeface="Arial"/>
              </a:rPr>
              <a:t> (S1 ≈ T1 </a:t>
            </a:r>
            <a:r>
              <a:rPr lang="it-IT" err="1">
                <a:latin typeface="Arial"/>
                <a:ea typeface="ＭＳ Ｐゴシック"/>
                <a:cs typeface="Arial"/>
              </a:rPr>
              <a:t>assumption</a:t>
            </a:r>
            <a:r>
              <a:rPr lang="it-IT">
                <a:latin typeface="Arial"/>
                <a:ea typeface="ＭＳ Ｐゴシック"/>
                <a:cs typeface="Arial"/>
              </a:rPr>
              <a:t>)</a:t>
            </a:r>
            <a:endParaRPr lang="it-IT">
              <a:latin typeface="Arial"/>
              <a:cs typeface="Arial"/>
            </a:endParaRPr>
          </a:p>
          <a:p>
            <a:pPr>
              <a:lnSpc>
                <a:spcPct val="200000"/>
              </a:lnSpc>
              <a:spcBef>
                <a:spcPts val="432"/>
              </a:spcBef>
            </a:pPr>
            <a:r>
              <a:rPr lang="it-IT">
                <a:latin typeface="+mn-lt"/>
                <a:ea typeface="ＭＳ Ｐゴシック"/>
              </a:rPr>
              <a:t>(3.2)  Electronic </a:t>
            </a:r>
            <a:r>
              <a:rPr lang="it-IT" err="1">
                <a:latin typeface="+mn-lt"/>
                <a:ea typeface="ＭＳ Ｐゴシック"/>
              </a:rPr>
              <a:t>structure</a:t>
            </a:r>
            <a:r>
              <a:rPr lang="it-IT">
                <a:latin typeface="+mn-lt"/>
                <a:ea typeface="ＭＳ Ｐゴシック"/>
              </a:rPr>
              <a:t> of the </a:t>
            </a:r>
            <a:r>
              <a:rPr lang="it-IT" err="1">
                <a:latin typeface="+mn-lt"/>
                <a:ea typeface="ＭＳ Ｐゴシック"/>
              </a:rPr>
              <a:t>excited</a:t>
            </a:r>
            <a:r>
              <a:rPr lang="it-IT">
                <a:latin typeface="+mn-lt"/>
                <a:ea typeface="ＭＳ Ｐゴシック"/>
              </a:rPr>
              <a:t> state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>
              <a:lnSpc>
                <a:spcPct val="200000"/>
              </a:lnSpc>
              <a:spcBef>
                <a:spcPts val="432"/>
              </a:spcBef>
            </a:pPr>
            <a:r>
              <a:rPr lang="it-IT">
                <a:latin typeface="+mn-lt"/>
                <a:ea typeface="ＭＳ Ｐゴシック"/>
                <a:cs typeface="Arial"/>
              </a:rPr>
              <a:t>(3.3)  T1 – S0 </a:t>
            </a:r>
            <a:r>
              <a:rPr lang="it-IT" err="1">
                <a:latin typeface="+mn-lt"/>
                <a:ea typeface="ＭＳ Ｐゴシック"/>
                <a:cs typeface="Arial"/>
              </a:rPr>
              <a:t>emission</a:t>
            </a:r>
            <a:endParaRPr lang="it-IT">
              <a:latin typeface="+mn-lt"/>
              <a:ea typeface="ＭＳ Ｐゴシック"/>
            </a:endParaRPr>
          </a:p>
          <a:p>
            <a:pPr>
              <a:lnSpc>
                <a:spcPct val="150000"/>
              </a:lnSpc>
              <a:spcBef>
                <a:spcPts val="432"/>
              </a:spcBef>
            </a:pPr>
            <a:endParaRPr lang="it-IT" b="1">
              <a:latin typeface="+mn-lt"/>
              <a:cs typeface="Arial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FEDBB0C-91E7-01CD-CC25-9BE7AF27CD33}"/>
              </a:ext>
            </a:extLst>
          </p:cNvPr>
          <p:cNvSpPr/>
          <p:nvPr/>
        </p:nvSpPr>
        <p:spPr bwMode="auto">
          <a:xfrm>
            <a:off x="4027256" y="1434802"/>
            <a:ext cx="941110" cy="374091"/>
          </a:xfrm>
          <a:prstGeom prst="rect">
            <a:avLst/>
          </a:prstGeom>
          <a:solidFill>
            <a:schemeClr val="accent1">
              <a:alpha val="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8B3670CD-68E8-0F95-04D4-13DAD8F7F95E}"/>
              </a:ext>
            </a:extLst>
          </p:cNvPr>
          <p:cNvSpPr/>
          <p:nvPr/>
        </p:nvSpPr>
        <p:spPr bwMode="auto">
          <a:xfrm>
            <a:off x="4027256" y="2485225"/>
            <a:ext cx="935485" cy="374091"/>
          </a:xfrm>
          <a:prstGeom prst="rect">
            <a:avLst/>
          </a:prstGeom>
          <a:solidFill>
            <a:schemeClr val="accent1">
              <a:alpha val="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9C4A8D2-0986-473F-38CF-AB18B00CF7C6}"/>
              </a:ext>
            </a:extLst>
          </p:cNvPr>
          <p:cNvSpPr/>
          <p:nvPr/>
        </p:nvSpPr>
        <p:spPr bwMode="auto">
          <a:xfrm>
            <a:off x="4027256" y="4131050"/>
            <a:ext cx="935485" cy="374091"/>
          </a:xfrm>
          <a:prstGeom prst="rect">
            <a:avLst/>
          </a:prstGeom>
          <a:solidFill>
            <a:schemeClr val="accent1">
              <a:alpha val="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26303445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5" name="Picture 24">
            <a:extLst>
              <a:ext uri="{FF2B5EF4-FFF2-40B4-BE49-F238E27FC236}">
                <a16:creationId xmlns:a16="http://schemas.microsoft.com/office/drawing/2014/main" id="{92EF418C-F6F2-576D-EBA1-733B03DAF63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39284" y="161092"/>
            <a:ext cx="2144717" cy="1470694"/>
          </a:xfrm>
          <a:prstGeom prst="rect">
            <a:avLst/>
          </a:prstGeom>
        </p:spPr>
      </p:pic>
      <p:sp>
        <p:nvSpPr>
          <p:cNvPr id="3" name="Underrubrik 2">
            <a:extLst>
              <a:ext uri="{FF2B5EF4-FFF2-40B4-BE49-F238E27FC236}">
                <a16:creationId xmlns:a16="http://schemas.microsoft.com/office/drawing/2014/main" id="{755D2C2B-933D-18D7-D17E-AD12666CC63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29159" y="2035478"/>
            <a:ext cx="4422328" cy="1870517"/>
          </a:xfrm>
        </p:spPr>
        <p:txBody>
          <a:bodyPr/>
          <a:lstStyle/>
          <a:p>
            <a:pPr marL="0" indent="0">
              <a:buNone/>
            </a:pPr>
            <a:r>
              <a:rPr lang="sv-SE" sz="1600">
                <a:cs typeface="Arial"/>
              </a:rPr>
              <a:t>Dihedral angle between donor-acceptor</a:t>
            </a:r>
          </a:p>
          <a:p>
            <a:pPr marL="0" indent="0">
              <a:buNone/>
            </a:pPr>
            <a:endParaRPr lang="sv-SE">
              <a:cs typeface="Arial"/>
            </a:endParaRPr>
          </a:p>
          <a:p>
            <a:pPr marL="0" indent="0">
              <a:buNone/>
            </a:pPr>
            <a:endParaRPr lang="sv-SE">
              <a:cs typeface="Arial"/>
            </a:endParaRPr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CA548398-F598-EB43-FBCF-A10F94ECCC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5" name="textruta 4">
            <a:extLst>
              <a:ext uri="{FF2B5EF4-FFF2-40B4-BE49-F238E27FC236}">
                <a16:creationId xmlns:a16="http://schemas.microsoft.com/office/drawing/2014/main" id="{2BCBF8D0-5E85-EFC0-6DFB-6BDD12848D94}"/>
              </a:ext>
            </a:extLst>
          </p:cNvPr>
          <p:cNvSpPr txBox="1"/>
          <p:nvPr/>
        </p:nvSpPr>
        <p:spPr>
          <a:xfrm>
            <a:off x="1417304" y="2007979"/>
            <a:ext cx="3822165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</a:rPr>
              <a:t>Dihedral angle in donor</a:t>
            </a:r>
            <a:endParaRPr lang="sv-SE">
              <a:ea typeface="ＭＳ Ｐゴシック"/>
            </a:endParaRPr>
          </a:p>
        </p:txBody>
      </p:sp>
      <p:pic>
        <p:nvPicPr>
          <p:cNvPr id="7" name="Bildobjekt 8" descr="En bild som visar inomhus, svart, metall&#10;&#10;Automatiskt genererad beskrivning">
            <a:extLst>
              <a:ext uri="{FF2B5EF4-FFF2-40B4-BE49-F238E27FC236}">
                <a16:creationId xmlns:a16="http://schemas.microsoft.com/office/drawing/2014/main" id="{3A5A80D0-44B2-9886-BED5-08BCB0ACA9A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84082" y="2257120"/>
            <a:ext cx="3820601" cy="2555210"/>
          </a:xfrm>
          <a:prstGeom prst="rect">
            <a:avLst/>
          </a:prstGeom>
        </p:spPr>
      </p:pic>
      <p:pic>
        <p:nvPicPr>
          <p:cNvPr id="9" name="Bildobjekt 9" descr="En bild som visar accessoarer, metall, halsring&#10;&#10;Automatiskt genererad beskrivning">
            <a:extLst>
              <a:ext uri="{FF2B5EF4-FFF2-40B4-BE49-F238E27FC236}">
                <a16:creationId xmlns:a16="http://schemas.microsoft.com/office/drawing/2014/main" id="{44C85B79-4E91-A119-4B1B-5AB06480383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28540" y="2346764"/>
            <a:ext cx="4010857" cy="2381489"/>
          </a:xfrm>
          <a:prstGeom prst="rect">
            <a:avLst/>
          </a:prstGeom>
        </p:spPr>
      </p:pic>
      <p:sp>
        <p:nvSpPr>
          <p:cNvPr id="10" name="textruta 9">
            <a:extLst>
              <a:ext uri="{FF2B5EF4-FFF2-40B4-BE49-F238E27FC236}">
                <a16:creationId xmlns:a16="http://schemas.microsoft.com/office/drawing/2014/main" id="{9360C555-4B39-5F64-7D29-B1757BC92148}"/>
              </a:ext>
            </a:extLst>
          </p:cNvPr>
          <p:cNvSpPr txBox="1"/>
          <p:nvPr/>
        </p:nvSpPr>
        <p:spPr>
          <a:xfrm>
            <a:off x="1274246" y="4898004"/>
            <a:ext cx="3960550" cy="105670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+mn-lt"/>
                <a:ea typeface="ＭＳ Ｐゴシック"/>
                <a:cs typeface="Arial"/>
              </a:rPr>
              <a:t>Change with substituents </a:t>
            </a: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solidFill>
                  <a:srgbClr val="00B050"/>
                </a:solidFill>
                <a:latin typeface="+mn-lt"/>
                <a:ea typeface="ＭＳ Ｐゴシック"/>
                <a:cs typeface="Arial"/>
              </a:rPr>
              <a:t>Increase</a:t>
            </a:r>
            <a:r>
              <a:rPr lang="sv-SE">
                <a:latin typeface="+mn-lt"/>
                <a:ea typeface="ＭＳ Ｐゴシック"/>
                <a:cs typeface="Arial"/>
              </a:rPr>
              <a:t> with –NH</a:t>
            </a:r>
            <a:r>
              <a:rPr lang="sv-SE" baseline="-25000">
                <a:latin typeface="+mn-lt"/>
                <a:ea typeface="ＭＳ Ｐゴシック"/>
                <a:cs typeface="Arial"/>
              </a:rPr>
              <a:t>2</a:t>
            </a:r>
            <a:r>
              <a:rPr lang="sv-SE">
                <a:latin typeface="+mn-lt"/>
                <a:ea typeface="ＭＳ Ｐゴシック"/>
                <a:cs typeface="Arial"/>
              </a:rPr>
              <a:t> (≈ 200°)</a:t>
            </a: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solidFill>
                  <a:schemeClr val="tx2"/>
                </a:solidFill>
                <a:latin typeface="+mn-lt"/>
                <a:ea typeface="ＭＳ Ｐゴシック"/>
                <a:cs typeface="Arial"/>
              </a:rPr>
              <a:t>Decrease</a:t>
            </a:r>
            <a:r>
              <a:rPr lang="sv-SE">
                <a:latin typeface="+mn-lt"/>
                <a:ea typeface="ＭＳ Ｐゴシック"/>
                <a:cs typeface="Arial"/>
              </a:rPr>
              <a:t> with –NO</a:t>
            </a:r>
            <a:r>
              <a:rPr lang="sv-SE" baseline="-25000">
                <a:latin typeface="+mn-lt"/>
                <a:ea typeface="ＭＳ Ｐゴシック"/>
                <a:cs typeface="Arial"/>
              </a:rPr>
              <a:t>2 </a:t>
            </a:r>
            <a:r>
              <a:rPr lang="sv-SE">
                <a:latin typeface="+mn-lt"/>
                <a:ea typeface="ＭＳ Ｐゴシック"/>
                <a:cs typeface="Arial"/>
              </a:rPr>
              <a:t>(≈ 175°)</a:t>
            </a: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 baseline="-25000">
              <a:latin typeface="+mn-lt"/>
              <a:cs typeface="Arial"/>
            </a:endParaRPr>
          </a:p>
        </p:txBody>
      </p:sp>
      <p:pic>
        <p:nvPicPr>
          <p:cNvPr id="14" name="Bildobjekt 14" descr="En bild som visar bord&#10;&#10;Automatiskt genererad beskrivning">
            <a:extLst>
              <a:ext uri="{FF2B5EF4-FFF2-40B4-BE49-F238E27FC236}">
                <a16:creationId xmlns:a16="http://schemas.microsoft.com/office/drawing/2014/main" id="{BAEFBC12-21AE-8E6B-CE24-B7B3905790A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-8370" t="34944" r="72467" b="8178"/>
          <a:stretch/>
        </p:blipFill>
        <p:spPr>
          <a:xfrm>
            <a:off x="6294772" y="4900717"/>
            <a:ext cx="1028902" cy="963161"/>
          </a:xfrm>
          <a:prstGeom prst="rect">
            <a:avLst/>
          </a:prstGeom>
        </p:spPr>
      </p:pic>
      <p:pic>
        <p:nvPicPr>
          <p:cNvPr id="15" name="Bildobjekt 15" descr="En bild som visar text&#10;&#10;Automatiskt genererad beskrivning">
            <a:extLst>
              <a:ext uri="{FF2B5EF4-FFF2-40B4-BE49-F238E27FC236}">
                <a16:creationId xmlns:a16="http://schemas.microsoft.com/office/drawing/2014/main" id="{9625F73F-6C12-2BD6-1BA1-1A02F2F3DE7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326031" y="4646695"/>
            <a:ext cx="957817" cy="1432093"/>
          </a:xfrm>
          <a:prstGeom prst="rect">
            <a:avLst/>
          </a:prstGeom>
        </p:spPr>
      </p:pic>
      <p:sp>
        <p:nvSpPr>
          <p:cNvPr id="16" name="Höger klammerparentes 15">
            <a:extLst>
              <a:ext uri="{FF2B5EF4-FFF2-40B4-BE49-F238E27FC236}">
                <a16:creationId xmlns:a16="http://schemas.microsoft.com/office/drawing/2014/main" id="{A3B6FC58-FF76-9CB9-F1B4-AB93BE21AE14}"/>
              </a:ext>
            </a:extLst>
          </p:cNvPr>
          <p:cNvSpPr/>
          <p:nvPr/>
        </p:nvSpPr>
        <p:spPr bwMode="auto">
          <a:xfrm>
            <a:off x="8282678" y="5590079"/>
            <a:ext cx="79732" cy="315035"/>
          </a:xfrm>
          <a:prstGeom prst="rightBrace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sv-SE"/>
          </a:p>
        </p:txBody>
      </p:sp>
      <p:sp>
        <p:nvSpPr>
          <p:cNvPr id="18" name="Höger klammerparentes 17">
            <a:extLst>
              <a:ext uri="{FF2B5EF4-FFF2-40B4-BE49-F238E27FC236}">
                <a16:creationId xmlns:a16="http://schemas.microsoft.com/office/drawing/2014/main" id="{3B982D0C-32DB-8C89-9231-8694CDAA5D89}"/>
              </a:ext>
            </a:extLst>
          </p:cNvPr>
          <p:cNvSpPr/>
          <p:nvPr/>
        </p:nvSpPr>
        <p:spPr bwMode="auto">
          <a:xfrm>
            <a:off x="8281827" y="5217841"/>
            <a:ext cx="79732" cy="315035"/>
          </a:xfrm>
          <a:prstGeom prst="rightBrace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sv-SE"/>
          </a:p>
        </p:txBody>
      </p:sp>
      <p:sp>
        <p:nvSpPr>
          <p:cNvPr id="19" name="textruta 18">
            <a:extLst>
              <a:ext uri="{FF2B5EF4-FFF2-40B4-BE49-F238E27FC236}">
                <a16:creationId xmlns:a16="http://schemas.microsoft.com/office/drawing/2014/main" id="{54A56871-9B96-F2F8-A90E-5E36D2C2DA63}"/>
              </a:ext>
            </a:extLst>
          </p:cNvPr>
          <p:cNvSpPr txBox="1"/>
          <p:nvPr/>
        </p:nvSpPr>
        <p:spPr>
          <a:xfrm>
            <a:off x="8509505" y="5219186"/>
            <a:ext cx="2579551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solidFill>
                  <a:schemeClr val="tx2"/>
                </a:solidFill>
                <a:latin typeface="Arial"/>
                <a:ea typeface="ＭＳ Ｐゴシック"/>
              </a:rPr>
              <a:t>Decrease</a:t>
            </a:r>
            <a:r>
              <a:rPr lang="sv-SE">
                <a:latin typeface="Arial"/>
                <a:ea typeface="ＭＳ Ｐゴシック"/>
              </a:rPr>
              <a:t> with -NH</a:t>
            </a:r>
            <a:r>
              <a:rPr lang="sv-SE" baseline="-25000">
                <a:latin typeface="Arial"/>
                <a:ea typeface="ＭＳ Ｐゴシック"/>
              </a:rPr>
              <a:t>2</a:t>
            </a:r>
            <a:r>
              <a:rPr lang="sv-SE">
                <a:latin typeface="Arial"/>
                <a:ea typeface="ＭＳ Ｐゴシック"/>
              </a:rPr>
              <a:t> </a:t>
            </a:r>
            <a:endParaRPr lang="sv-SE">
              <a:latin typeface="+mn-lt"/>
              <a:cs typeface="Arial"/>
            </a:endParaRPr>
          </a:p>
        </p:txBody>
      </p:sp>
      <p:sp>
        <p:nvSpPr>
          <p:cNvPr id="20" name="textruta 19">
            <a:extLst>
              <a:ext uri="{FF2B5EF4-FFF2-40B4-BE49-F238E27FC236}">
                <a16:creationId xmlns:a16="http://schemas.microsoft.com/office/drawing/2014/main" id="{12598249-373C-5376-E1BA-A41FDE9CE2A8}"/>
              </a:ext>
            </a:extLst>
          </p:cNvPr>
          <p:cNvSpPr txBox="1"/>
          <p:nvPr/>
        </p:nvSpPr>
        <p:spPr>
          <a:xfrm>
            <a:off x="8514955" y="5597732"/>
            <a:ext cx="2573241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>
                <a:solidFill>
                  <a:schemeClr val="accent3"/>
                </a:solidFill>
                <a:latin typeface="+mn-lt"/>
                <a:ea typeface="ＭＳ Ｐゴシック"/>
                <a:cs typeface="Arial"/>
              </a:rPr>
              <a:t>Increase</a:t>
            </a:r>
            <a:r>
              <a:rPr lang="sv-SE">
                <a:latin typeface="+mn-lt"/>
                <a:ea typeface="ＭＳ Ｐゴシック"/>
                <a:cs typeface="Arial"/>
              </a:rPr>
              <a:t> with -NO</a:t>
            </a:r>
            <a:r>
              <a:rPr lang="sv-SE" baseline="-25000">
                <a:latin typeface="+mn-lt"/>
                <a:ea typeface="ＭＳ Ｐゴシック"/>
                <a:cs typeface="Arial"/>
              </a:rPr>
              <a:t>2</a:t>
            </a:r>
            <a:endParaRPr lang="sv-SE">
              <a:latin typeface="+mn-lt"/>
              <a:cs typeface="Arial"/>
            </a:endParaRPr>
          </a:p>
        </p:txBody>
      </p:sp>
      <p:sp>
        <p:nvSpPr>
          <p:cNvPr id="12" name="Rektangel: rundade hörn 8">
            <a:extLst>
              <a:ext uri="{FF2B5EF4-FFF2-40B4-BE49-F238E27FC236}">
                <a16:creationId xmlns:a16="http://schemas.microsoft.com/office/drawing/2014/main" id="{35DD6D34-9D6F-7E5E-A5BD-E76B76B4FD90}"/>
              </a:ext>
            </a:extLst>
          </p:cNvPr>
          <p:cNvSpPr/>
          <p:nvPr/>
        </p:nvSpPr>
        <p:spPr bwMode="auto">
          <a:xfrm>
            <a:off x="2491451" y="725179"/>
            <a:ext cx="675765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1" name="Title 8">
            <a:extLst>
              <a:ext uri="{FF2B5EF4-FFF2-40B4-BE49-F238E27FC236}">
                <a16:creationId xmlns:a16="http://schemas.microsoft.com/office/drawing/2014/main" id="{402550DC-AFB0-03A8-10BA-8A533B8A354E}"/>
              </a:ext>
            </a:extLst>
          </p:cNvPr>
          <p:cNvSpPr>
            <a:spLocks noGrp="1"/>
          </p:cNvSpPr>
          <p:nvPr/>
        </p:nvSpPr>
        <p:spPr bwMode="auto">
          <a:xfrm>
            <a:off x="2629892" y="337173"/>
            <a:ext cx="6617721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it-IT">
                <a:solidFill>
                  <a:schemeClr val="bg1"/>
                </a:solidFill>
              </a:rPr>
              <a:t>Ground-state geometry optimization</a:t>
            </a:r>
            <a:endParaRPr lang="en-GB">
              <a:solidFill>
                <a:schemeClr val="bg1"/>
              </a:solidFill>
              <a:cs typeface="Arial"/>
            </a:endParaRPr>
          </a:p>
        </p:txBody>
      </p:sp>
      <p:graphicFrame>
        <p:nvGraphicFramePr>
          <p:cNvPr id="23" name="Diagram 22">
            <a:extLst>
              <a:ext uri="{FF2B5EF4-FFF2-40B4-BE49-F238E27FC236}">
                <a16:creationId xmlns:a16="http://schemas.microsoft.com/office/drawing/2014/main" id="{8B5076B4-0E63-F63A-4924-0FB3ABDCA5E1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284738119"/>
              </p:ext>
            </p:extLst>
          </p:nvPr>
        </p:nvGraphicFramePr>
        <p:xfrm>
          <a:off x="4320040" y="154369"/>
          <a:ext cx="3259206" cy="47325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7" r:lo="rId8" r:qs="rId9" r:cs="rId10"/>
          </a:graphicData>
        </a:graphic>
      </p:graphicFrame>
      <mc:AlternateContent xmlns:mc="http://schemas.openxmlformats.org/markup-compatibility/2006" xmlns:p14="http://schemas.microsoft.com/office/powerpoint/2010/main">
        <mc:Choice Requires="p14">
          <p:contentPart p14:bwMode="auto" r:id="rId12">
            <p14:nvContentPartPr>
              <p14:cNvPr id="138" name="Pennanteckning 137">
                <a:extLst>
                  <a:ext uri="{FF2B5EF4-FFF2-40B4-BE49-F238E27FC236}">
                    <a16:creationId xmlns:a16="http://schemas.microsoft.com/office/drawing/2014/main" id="{2AACB41D-80FF-6D18-F9E8-B8239E3BE13D}"/>
                  </a:ext>
                </a:extLst>
              </p14:cNvPr>
              <p14:cNvContentPartPr/>
              <p14:nvPr/>
            </p14:nvContentPartPr>
            <p14:xfrm>
              <a:off x="8763829" y="1742632"/>
              <a:ext cx="15342" cy="15342"/>
            </p14:xfrm>
          </p:contentPart>
        </mc:Choice>
        <mc:Fallback xmlns="">
          <p:pic>
            <p:nvPicPr>
              <p:cNvPr id="138" name="Pennanteckning 137">
                <a:extLst>
                  <a:ext uri="{FF2B5EF4-FFF2-40B4-BE49-F238E27FC236}">
                    <a16:creationId xmlns:a16="http://schemas.microsoft.com/office/drawing/2014/main" id="{2AACB41D-80FF-6D18-F9E8-B8239E3BE13D}"/>
                  </a:ext>
                </a:extLst>
              </p:cNvPr>
              <p:cNvPicPr/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7229629" y="208432"/>
                <a:ext cx="3068400" cy="3068400"/>
              </a:xfrm>
              <a:prstGeom prst="rect">
                <a:avLst/>
              </a:prstGeom>
            </p:spPr>
          </p:pic>
        </mc:Fallback>
      </mc:AlternateContent>
      <p:sp>
        <p:nvSpPr>
          <p:cNvPr id="146" name="textruta 145">
            <a:extLst>
              <a:ext uri="{FF2B5EF4-FFF2-40B4-BE49-F238E27FC236}">
                <a16:creationId xmlns:a16="http://schemas.microsoft.com/office/drawing/2014/main" id="{16CF5374-F4AE-BA9E-839B-307C5661BBC7}"/>
              </a:ext>
            </a:extLst>
          </p:cNvPr>
          <p:cNvSpPr txBox="1"/>
          <p:nvPr/>
        </p:nvSpPr>
        <p:spPr>
          <a:xfrm>
            <a:off x="8484282" y="1626281"/>
            <a:ext cx="180974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l"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14">
            <p14:nvContentPartPr>
              <p14:cNvPr id="181" name="Pennanteckning 180">
                <a:extLst>
                  <a:ext uri="{FF2B5EF4-FFF2-40B4-BE49-F238E27FC236}">
                    <a16:creationId xmlns:a16="http://schemas.microsoft.com/office/drawing/2014/main" id="{7F4D0D66-8BF8-3E0A-C357-B708EBD1C6A7}"/>
                  </a:ext>
                </a:extLst>
              </p14:cNvPr>
              <p14:cNvContentPartPr/>
              <p14:nvPr/>
            </p14:nvContentPartPr>
            <p14:xfrm>
              <a:off x="9314023" y="1824173"/>
              <a:ext cx="15342" cy="15342"/>
            </p14:xfrm>
          </p:contentPart>
        </mc:Choice>
        <mc:Fallback xmlns="">
          <p:pic>
            <p:nvPicPr>
              <p:cNvPr id="181" name="Pennanteckning 180">
                <a:extLst>
                  <a:ext uri="{FF2B5EF4-FFF2-40B4-BE49-F238E27FC236}">
                    <a16:creationId xmlns:a16="http://schemas.microsoft.com/office/drawing/2014/main" id="{7F4D0D66-8BF8-3E0A-C357-B708EBD1C6A7}"/>
                  </a:ext>
                </a:extLst>
              </p:cNvPr>
              <p:cNvPicPr/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8802623" y="289973"/>
                <a:ext cx="1033028" cy="3068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5">
            <p14:nvContentPartPr>
              <p14:cNvPr id="182" name="Pennanteckning 181">
                <a:extLst>
                  <a:ext uri="{FF2B5EF4-FFF2-40B4-BE49-F238E27FC236}">
                    <a16:creationId xmlns:a16="http://schemas.microsoft.com/office/drawing/2014/main" id="{84DF654D-797F-15A4-32E1-0A327C6D3E0E}"/>
                  </a:ext>
                </a:extLst>
              </p14:cNvPr>
              <p14:cNvContentPartPr/>
              <p14:nvPr/>
            </p14:nvContentPartPr>
            <p14:xfrm>
              <a:off x="9854251" y="1474198"/>
              <a:ext cx="115317" cy="155462"/>
            </p14:xfrm>
          </p:contentPart>
        </mc:Choice>
        <mc:Fallback xmlns="">
          <p:pic>
            <p:nvPicPr>
              <p:cNvPr id="182" name="Pennanteckning 181">
                <a:extLst>
                  <a:ext uri="{FF2B5EF4-FFF2-40B4-BE49-F238E27FC236}">
                    <a16:creationId xmlns:a16="http://schemas.microsoft.com/office/drawing/2014/main" id="{84DF654D-797F-15A4-32E1-0A327C6D3E0E}"/>
                  </a:ext>
                </a:extLst>
              </p:cNvPr>
              <p:cNvPicPr/>
              <p:nvPr/>
            </p:nvPicPr>
            <p:blipFill>
              <a:blip r:embed="rId16"/>
              <a:stretch>
                <a:fillRect/>
              </a:stretch>
            </p:blipFill>
            <p:spPr>
              <a:xfrm>
                <a:off x="9818438" y="1438295"/>
                <a:ext cx="186584" cy="226910"/>
              </a:xfrm>
              <a:prstGeom prst="rect">
                <a:avLst/>
              </a:prstGeom>
            </p:spPr>
          </p:pic>
        </mc:Fallback>
      </mc:AlternateContent>
      <p:sp>
        <p:nvSpPr>
          <p:cNvPr id="26" name="TextBox 25">
            <a:extLst>
              <a:ext uri="{FF2B5EF4-FFF2-40B4-BE49-F238E27FC236}">
                <a16:creationId xmlns:a16="http://schemas.microsoft.com/office/drawing/2014/main" id="{F64038CB-BC23-C4F3-2CAE-A878D2B7D7B1}"/>
              </a:ext>
            </a:extLst>
          </p:cNvPr>
          <p:cNvSpPr txBox="1"/>
          <p:nvPr/>
        </p:nvSpPr>
        <p:spPr>
          <a:xfrm>
            <a:off x="9851522" y="1471685"/>
            <a:ext cx="299520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050">
                <a:latin typeface="+mn-lt"/>
              </a:rPr>
              <a:t>1</a:t>
            </a:r>
            <a:endParaRPr lang="en-GB" err="1">
              <a:latin typeface="+mn-lt"/>
            </a:endParaRPr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17">
            <p14:nvContentPartPr>
              <p14:cNvPr id="2" name="Ink 1">
                <a:extLst>
                  <a:ext uri="{FF2B5EF4-FFF2-40B4-BE49-F238E27FC236}">
                    <a16:creationId xmlns:a16="http://schemas.microsoft.com/office/drawing/2014/main" id="{D4A432D0-E625-02B2-B2A8-E49610C35C6F}"/>
                  </a:ext>
                </a:extLst>
              </p14:cNvPr>
              <p14:cNvContentPartPr/>
              <p14:nvPr/>
            </p14:nvContentPartPr>
            <p14:xfrm>
              <a:off x="9910780" y="1463960"/>
              <a:ext cx="48960" cy="24480"/>
            </p14:xfrm>
          </p:contentPart>
        </mc:Choice>
        <mc:Fallback xmlns="">
          <p:pic>
            <p:nvPicPr>
              <p:cNvPr id="2" name="Ink 1">
                <a:extLst>
                  <a:ext uri="{FF2B5EF4-FFF2-40B4-BE49-F238E27FC236}">
                    <a16:creationId xmlns:a16="http://schemas.microsoft.com/office/drawing/2014/main" id="{D4A432D0-E625-02B2-B2A8-E49610C35C6F}"/>
                  </a:ext>
                </a:extLst>
              </p:cNvPr>
              <p:cNvPicPr/>
              <p:nvPr/>
            </p:nvPicPr>
            <p:blipFill>
              <a:blip r:embed="rId18"/>
              <a:stretch>
                <a:fillRect/>
              </a:stretch>
            </p:blipFill>
            <p:spPr>
              <a:xfrm>
                <a:off x="9901780" y="1454960"/>
                <a:ext cx="66600" cy="4212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36992099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dobjekt 5">
            <a:extLst>
              <a:ext uri="{FF2B5EF4-FFF2-40B4-BE49-F238E27FC236}">
                <a16:creationId xmlns:a16="http://schemas.microsoft.com/office/drawing/2014/main" id="{694EBA7E-A005-83D4-823E-A7934E53B66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-112" b="10625"/>
          <a:stretch/>
        </p:blipFill>
        <p:spPr>
          <a:xfrm>
            <a:off x="699204" y="1575555"/>
            <a:ext cx="4765474" cy="2282184"/>
          </a:xfrm>
          <a:prstGeom prst="rect">
            <a:avLst/>
          </a:prstGeom>
        </p:spPr>
      </p:pic>
      <p:sp>
        <p:nvSpPr>
          <p:cNvPr id="3" name="Underrubrik 2">
            <a:extLst>
              <a:ext uri="{FF2B5EF4-FFF2-40B4-BE49-F238E27FC236}">
                <a16:creationId xmlns:a16="http://schemas.microsoft.com/office/drawing/2014/main" id="{05E819A1-97C4-731E-A2BC-D4383864CCD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283683" y="1709482"/>
            <a:ext cx="3236097" cy="760114"/>
          </a:xfrm>
        </p:spPr>
        <p:txBody>
          <a:bodyPr/>
          <a:lstStyle/>
          <a:p>
            <a:pPr marL="0" indent="0">
              <a:buNone/>
            </a:pPr>
            <a:r>
              <a:rPr lang="sv-SE" sz="1400">
                <a:cs typeface="Arial"/>
              </a:rPr>
              <a:t>2TN-TCNE</a:t>
            </a:r>
            <a:r>
              <a:rPr lang="sv-SE">
                <a:cs typeface="Arial"/>
              </a:rPr>
              <a:t> </a:t>
            </a:r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BE724846-05B4-023E-CB82-D5B358117C0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9" name="textruta 8">
            <a:extLst>
              <a:ext uri="{FF2B5EF4-FFF2-40B4-BE49-F238E27FC236}">
                <a16:creationId xmlns:a16="http://schemas.microsoft.com/office/drawing/2014/main" id="{40EDAFF2-3077-7B6C-D278-92A7793B7068}"/>
              </a:ext>
            </a:extLst>
          </p:cNvPr>
          <p:cNvSpPr txBox="1"/>
          <p:nvPr/>
        </p:nvSpPr>
        <p:spPr>
          <a:xfrm>
            <a:off x="6140185" y="2230760"/>
            <a:ext cx="4926130" cy="392928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sv-SE" b="1">
                <a:latin typeface="+mn-lt"/>
                <a:ea typeface="ＭＳ Ｐゴシック"/>
                <a:cs typeface="Arial"/>
              </a:rPr>
              <a:t>General observation: </a:t>
            </a: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+mn-lt"/>
                <a:ea typeface="ＭＳ Ｐゴシック"/>
                <a:cs typeface="Arial"/>
              </a:rPr>
              <a:t>HOMO mainly localized at donor and LUMO at acceptor</a:t>
            </a: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+mn-lt"/>
                <a:ea typeface="ＭＳ Ｐゴシック"/>
                <a:cs typeface="Arial"/>
              </a:rPr>
              <a:t>-NH</a:t>
            </a:r>
            <a:r>
              <a:rPr lang="sv-SE" baseline="-25000">
                <a:latin typeface="+mn-lt"/>
                <a:ea typeface="ＭＳ Ｐゴシック"/>
                <a:cs typeface="Arial"/>
              </a:rPr>
              <a:t>2</a:t>
            </a:r>
            <a:r>
              <a:rPr lang="sv-SE">
                <a:latin typeface="+mn-lt"/>
                <a:ea typeface="ＭＳ Ｐゴシック"/>
                <a:cs typeface="Arial"/>
              </a:rPr>
              <a:t> (EDG) cause shift to higher energy levels</a:t>
            </a: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+mn-lt"/>
                <a:ea typeface="ＭＳ Ｐゴシック"/>
                <a:cs typeface="Arial"/>
              </a:rPr>
              <a:t>-NO</a:t>
            </a:r>
            <a:r>
              <a:rPr lang="sv-SE" baseline="-25000">
                <a:latin typeface="+mn-lt"/>
                <a:ea typeface="ＭＳ Ｐゴシック"/>
                <a:cs typeface="Arial"/>
              </a:rPr>
              <a:t>2</a:t>
            </a:r>
            <a:r>
              <a:rPr lang="sv-SE">
                <a:latin typeface="+mn-lt"/>
                <a:ea typeface="ＭＳ Ｐゴシック"/>
                <a:cs typeface="Arial"/>
              </a:rPr>
              <a:t> (EWG) cause shift to lower energy levels</a:t>
            </a:r>
            <a:endParaRPr lang="sv-SE">
              <a:latin typeface="Arial"/>
              <a:ea typeface="ＭＳ Ｐゴシック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+mn-lt"/>
                <a:ea typeface="ＭＳ Ｐゴシック"/>
                <a:cs typeface="Arial"/>
              </a:rPr>
              <a:t>Smaller energy gap for -NH</a:t>
            </a:r>
            <a:r>
              <a:rPr lang="sv-SE" baseline="-25000">
                <a:latin typeface="+mn-lt"/>
                <a:ea typeface="ＭＳ Ｐゴシック"/>
                <a:cs typeface="Arial"/>
              </a:rPr>
              <a:t>2</a:t>
            </a: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+mn-lt"/>
                <a:ea typeface="ＭＳ Ｐゴシック"/>
                <a:cs typeface="Arial"/>
              </a:rPr>
              <a:t>TCNE has lower LUMO, larger energy gap compared to TCNQ </a:t>
            </a: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sv-SE" baseline="-25000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</p:txBody>
      </p:sp>
      <p:sp>
        <p:nvSpPr>
          <p:cNvPr id="11" name="Rektangel: rundade hörn 8">
            <a:extLst>
              <a:ext uri="{FF2B5EF4-FFF2-40B4-BE49-F238E27FC236}">
                <a16:creationId xmlns:a16="http://schemas.microsoft.com/office/drawing/2014/main" id="{C0389CB8-02DA-F58C-86A7-5A2554235379}"/>
              </a:ext>
            </a:extLst>
          </p:cNvPr>
          <p:cNvSpPr/>
          <p:nvPr/>
        </p:nvSpPr>
        <p:spPr bwMode="auto">
          <a:xfrm>
            <a:off x="2944368" y="725179"/>
            <a:ext cx="5897880" cy="869246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ubrik 1">
            <a:extLst>
              <a:ext uri="{FF2B5EF4-FFF2-40B4-BE49-F238E27FC236}">
                <a16:creationId xmlns:a16="http://schemas.microsoft.com/office/drawing/2014/main" id="{A0265546-106C-15D4-D4DB-57BA0659CC6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942027" y="621709"/>
            <a:ext cx="5892497" cy="972716"/>
          </a:xfrm>
        </p:spPr>
        <p:txBody>
          <a:bodyPr/>
          <a:lstStyle/>
          <a:p>
            <a:pPr algn="ctr"/>
            <a:r>
              <a:rPr lang="sv-SE">
                <a:solidFill>
                  <a:srgbClr val="FFFFFF"/>
                </a:solidFill>
                <a:cs typeface="Arial"/>
              </a:rPr>
              <a:t>Ground-state </a:t>
            </a:r>
            <a:br>
              <a:rPr lang="sv-SE">
                <a:solidFill>
                  <a:srgbClr val="FFFFFF"/>
                </a:solidFill>
                <a:cs typeface="Arial"/>
              </a:rPr>
            </a:br>
            <a:r>
              <a:rPr lang="sv-SE">
                <a:solidFill>
                  <a:srgbClr val="FFFFFF"/>
                </a:solidFill>
                <a:cs typeface="Arial"/>
              </a:rPr>
              <a:t>electronic structure</a:t>
            </a:r>
            <a:endParaRPr lang="sv-SE">
              <a:solidFill>
                <a:srgbClr val="FFFFFF"/>
              </a:solidFill>
            </a:endParaRPr>
          </a:p>
        </p:txBody>
      </p:sp>
      <p:graphicFrame>
        <p:nvGraphicFramePr>
          <p:cNvPr id="27" name="Diagram 26">
            <a:extLst>
              <a:ext uri="{FF2B5EF4-FFF2-40B4-BE49-F238E27FC236}">
                <a16:creationId xmlns:a16="http://schemas.microsoft.com/office/drawing/2014/main" id="{921D893F-A16D-EACC-9FB2-A38E48327A2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252578952"/>
              </p:ext>
            </p:extLst>
          </p:nvPr>
        </p:nvGraphicFramePr>
        <p:xfrm>
          <a:off x="4263012" y="145386"/>
          <a:ext cx="3259206" cy="47325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pic>
        <p:nvPicPr>
          <p:cNvPr id="10" name="Picture 9">
            <a:extLst>
              <a:ext uri="{FF2B5EF4-FFF2-40B4-BE49-F238E27FC236}">
                <a16:creationId xmlns:a16="http://schemas.microsoft.com/office/drawing/2014/main" id="{44159D19-C970-3C6D-2310-92F903619371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711001" y="326402"/>
            <a:ext cx="2011749" cy="1622600"/>
          </a:xfrm>
          <a:prstGeom prst="rect">
            <a:avLst/>
          </a:prstGeom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17" name="Ink 16">
                <a:extLst>
                  <a:ext uri="{FF2B5EF4-FFF2-40B4-BE49-F238E27FC236}">
                    <a16:creationId xmlns:a16="http://schemas.microsoft.com/office/drawing/2014/main" id="{15EF8FBD-3B60-3DAC-1FE7-18B639962FA6}"/>
                  </a:ext>
                </a:extLst>
              </p14:cNvPr>
              <p14:cNvContentPartPr/>
              <p14:nvPr/>
            </p14:nvContentPartPr>
            <p14:xfrm>
              <a:off x="9850120" y="2265360"/>
              <a:ext cx="132120" cy="16200"/>
            </p14:xfrm>
          </p:contentPart>
        </mc:Choice>
        <mc:Fallback xmlns="">
          <p:pic>
            <p:nvPicPr>
              <p:cNvPr id="17" name="Ink 16">
                <a:extLst>
                  <a:ext uri="{FF2B5EF4-FFF2-40B4-BE49-F238E27FC236}">
                    <a16:creationId xmlns:a16="http://schemas.microsoft.com/office/drawing/2014/main" id="{15EF8FBD-3B60-3DAC-1FE7-18B639962FA6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9841120" y="2256360"/>
                <a:ext cx="149760" cy="338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">
            <p14:nvContentPartPr>
              <p14:cNvPr id="2" name="Ink 1">
                <a:extLst>
                  <a:ext uri="{FF2B5EF4-FFF2-40B4-BE49-F238E27FC236}">
                    <a16:creationId xmlns:a16="http://schemas.microsoft.com/office/drawing/2014/main" id="{49D77F34-5D11-A95D-9EA0-7EDF25A466E5}"/>
                  </a:ext>
                </a:extLst>
              </p14:cNvPr>
              <p14:cNvContentPartPr/>
              <p14:nvPr/>
            </p14:nvContentPartPr>
            <p14:xfrm>
              <a:off x="9781280" y="2118080"/>
              <a:ext cx="299520" cy="112680"/>
            </p14:xfrm>
          </p:contentPart>
        </mc:Choice>
        <mc:Fallback xmlns="">
          <p:pic>
            <p:nvPicPr>
              <p:cNvPr id="2" name="Ink 1">
                <a:extLst>
                  <a:ext uri="{FF2B5EF4-FFF2-40B4-BE49-F238E27FC236}">
                    <a16:creationId xmlns:a16="http://schemas.microsoft.com/office/drawing/2014/main" id="{49D77F34-5D11-A95D-9EA0-7EDF25A466E5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9763280" y="2100137"/>
                <a:ext cx="335160" cy="148206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3">
            <p14:nvContentPartPr>
              <p14:cNvPr id="110" name="Pennanteckning 109">
                <a:extLst>
                  <a:ext uri="{FF2B5EF4-FFF2-40B4-BE49-F238E27FC236}">
                    <a16:creationId xmlns:a16="http://schemas.microsoft.com/office/drawing/2014/main" id="{DD061307-26B5-FF1E-C87A-72C41A66B704}"/>
                  </a:ext>
                </a:extLst>
              </p14:cNvPr>
              <p14:cNvContentPartPr/>
              <p14:nvPr/>
            </p14:nvContentPartPr>
            <p14:xfrm>
              <a:off x="10134519" y="1815663"/>
              <a:ext cx="312630" cy="77488"/>
            </p14:xfrm>
          </p:contentPart>
        </mc:Choice>
        <mc:Fallback xmlns="">
          <p:pic>
            <p:nvPicPr>
              <p:cNvPr id="110" name="Pennanteckning 109">
                <a:extLst>
                  <a:ext uri="{FF2B5EF4-FFF2-40B4-BE49-F238E27FC236}">
                    <a16:creationId xmlns:a16="http://schemas.microsoft.com/office/drawing/2014/main" id="{DD061307-26B5-FF1E-C87A-72C41A66B704}"/>
                  </a:ext>
                </a:extLst>
              </p:cNvPr>
              <p:cNvPicPr/>
              <p:nvPr/>
            </p:nvPicPr>
            <p:blipFill>
              <a:blip r:embed="rId14"/>
              <a:stretch>
                <a:fillRect/>
              </a:stretch>
            </p:blipFill>
            <p:spPr>
              <a:xfrm>
                <a:off x="10098543" y="1779789"/>
                <a:ext cx="384222" cy="148877"/>
              </a:xfrm>
              <a:prstGeom prst="rect">
                <a:avLst/>
              </a:prstGeom>
            </p:spPr>
          </p:pic>
        </mc:Fallback>
      </mc:AlternateContent>
      <p:sp>
        <p:nvSpPr>
          <p:cNvPr id="6" name="TextBox 5">
            <a:extLst>
              <a:ext uri="{FF2B5EF4-FFF2-40B4-BE49-F238E27FC236}">
                <a16:creationId xmlns:a16="http://schemas.microsoft.com/office/drawing/2014/main" id="{BB245E9D-C69C-8F9D-237A-F9B300ECB598}"/>
              </a:ext>
            </a:extLst>
          </p:cNvPr>
          <p:cNvSpPr txBox="1"/>
          <p:nvPr/>
        </p:nvSpPr>
        <p:spPr>
          <a:xfrm>
            <a:off x="10142305" y="1785294"/>
            <a:ext cx="299520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050">
                <a:latin typeface="+mn-lt"/>
              </a:rPr>
              <a:t>2.1</a:t>
            </a:r>
            <a:endParaRPr lang="en-GB" err="1">
              <a:latin typeface="+mn-lt"/>
            </a:endParaRPr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15">
            <p14:nvContentPartPr>
              <p14:cNvPr id="7" name="Ink 6">
                <a:extLst>
                  <a:ext uri="{FF2B5EF4-FFF2-40B4-BE49-F238E27FC236}">
                    <a16:creationId xmlns:a16="http://schemas.microsoft.com/office/drawing/2014/main" id="{B14A2E1E-37DC-6E08-DC0B-8BD9B7EEA39A}"/>
                  </a:ext>
                </a:extLst>
              </p14:cNvPr>
              <p14:cNvContentPartPr/>
              <p14:nvPr/>
            </p14:nvContentPartPr>
            <p14:xfrm>
              <a:off x="10153780" y="1779680"/>
              <a:ext cx="177840" cy="25200"/>
            </p14:xfrm>
          </p:contentPart>
        </mc:Choice>
        <mc:Fallback xmlns="">
          <p:pic>
            <p:nvPicPr>
              <p:cNvPr id="7" name="Ink 6">
                <a:extLst>
                  <a:ext uri="{FF2B5EF4-FFF2-40B4-BE49-F238E27FC236}">
                    <a16:creationId xmlns:a16="http://schemas.microsoft.com/office/drawing/2014/main" id="{B14A2E1E-37DC-6E08-DC0B-8BD9B7EEA39A}"/>
                  </a:ext>
                </a:extLst>
              </p:cNvPr>
              <p:cNvPicPr/>
              <p:nvPr/>
            </p:nvPicPr>
            <p:blipFill>
              <a:blip r:embed="rId16"/>
              <a:stretch>
                <a:fillRect/>
              </a:stretch>
            </p:blipFill>
            <p:spPr>
              <a:xfrm>
                <a:off x="10144780" y="1770680"/>
                <a:ext cx="195480" cy="42840"/>
              </a:xfrm>
              <a:prstGeom prst="rect">
                <a:avLst/>
              </a:prstGeom>
            </p:spPr>
          </p:pic>
        </mc:Fallback>
      </mc:AlternateContent>
      <p:pic>
        <p:nvPicPr>
          <p:cNvPr id="21" name="Picture 21" descr="A picture containing antenna, different, line&#10;&#10;Description automatically generated">
            <a:extLst>
              <a:ext uri="{FF2B5EF4-FFF2-40B4-BE49-F238E27FC236}">
                <a16:creationId xmlns:a16="http://schemas.microsoft.com/office/drawing/2014/main" id="{68572223-95C3-8925-B833-E688C7BC8F68}"/>
              </a:ext>
            </a:extLst>
          </p:cNvPr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740133" y="3759653"/>
            <a:ext cx="3982720" cy="2710034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76AE7BAD-79A3-D5B8-18EA-6726B4308403}"/>
              </a:ext>
            </a:extLst>
          </p:cNvPr>
          <p:cNvSpPr txBox="1"/>
          <p:nvPr/>
        </p:nvSpPr>
        <p:spPr>
          <a:xfrm>
            <a:off x="1432560" y="4056276"/>
            <a:ext cx="278130" cy="769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500">
                <a:latin typeface="+mn-lt"/>
              </a:rPr>
              <a:t>2T</a:t>
            </a:r>
            <a:endParaRPr lang="en-GB" err="1"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C0E80E0-7290-835F-FF54-6ED09D74A3EF}"/>
              </a:ext>
            </a:extLst>
          </p:cNvPr>
          <p:cNvSpPr txBox="1"/>
          <p:nvPr/>
        </p:nvSpPr>
        <p:spPr>
          <a:xfrm>
            <a:off x="1744765" y="5015726"/>
            <a:ext cx="278130" cy="769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500">
                <a:latin typeface="+mn-lt"/>
              </a:rPr>
              <a:t>TCNE</a:t>
            </a:r>
            <a:endParaRPr lang="en-GB" err="1"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C9D1678-AE95-B3CA-DB86-020F39903CEC}"/>
              </a:ext>
            </a:extLst>
          </p:cNvPr>
          <p:cNvSpPr txBox="1"/>
          <p:nvPr/>
        </p:nvSpPr>
        <p:spPr>
          <a:xfrm>
            <a:off x="2063824" y="5015725"/>
            <a:ext cx="278130" cy="769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500">
                <a:latin typeface="+mn-lt"/>
              </a:rPr>
              <a:t>TCNQ</a:t>
            </a:r>
            <a:endParaRPr lang="en-GB" sz="1200" err="1"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D5C8B766-1FED-64A4-6825-89560923219F}"/>
              </a:ext>
            </a:extLst>
          </p:cNvPr>
          <p:cNvSpPr txBox="1"/>
          <p:nvPr/>
        </p:nvSpPr>
        <p:spPr>
          <a:xfrm>
            <a:off x="2348646" y="4688388"/>
            <a:ext cx="371417" cy="769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500">
                <a:latin typeface="+mn-lt"/>
              </a:rPr>
              <a:t>2T-TCNE</a:t>
            </a:r>
            <a:endParaRPr lang="en-GB" err="1"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D742699B-42B4-7BAA-0DC1-C9444DBF2CAA}"/>
              </a:ext>
            </a:extLst>
          </p:cNvPr>
          <p:cNvSpPr txBox="1"/>
          <p:nvPr/>
        </p:nvSpPr>
        <p:spPr>
          <a:xfrm>
            <a:off x="2685267" y="4808924"/>
            <a:ext cx="337972" cy="769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5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2T-TCNQ</a:t>
            </a:r>
            <a:endParaRPr kumimoji="0" lang="en-GB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2B2C9336-0E4F-7EBD-F2CC-F71CE516BF67}"/>
              </a:ext>
            </a:extLst>
          </p:cNvPr>
          <p:cNvSpPr txBox="1"/>
          <p:nvPr/>
        </p:nvSpPr>
        <p:spPr>
          <a:xfrm>
            <a:off x="2976994" y="4688387"/>
            <a:ext cx="450002" cy="7694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500">
                <a:latin typeface="+mn-lt"/>
                <a:ea typeface="ＭＳ Ｐゴシック"/>
              </a:rPr>
              <a:t>2TA-TCNE</a:t>
            </a:r>
            <a:endParaRPr lang="en-GB" err="1">
              <a:latin typeface="+mn-lt"/>
            </a:endParaRPr>
          </a:p>
        </p:txBody>
      </p:sp>
      <p:cxnSp>
        <p:nvCxnSpPr>
          <p:cNvPr id="162" name="Straight Arrow Connector 161">
            <a:extLst>
              <a:ext uri="{FF2B5EF4-FFF2-40B4-BE49-F238E27FC236}">
                <a16:creationId xmlns:a16="http://schemas.microsoft.com/office/drawing/2014/main" id="{61487F47-8897-4A77-CC41-2A6CEC74E99F}"/>
              </a:ext>
            </a:extLst>
          </p:cNvPr>
          <p:cNvCxnSpPr/>
          <p:nvPr/>
        </p:nvCxnSpPr>
        <p:spPr bwMode="auto">
          <a:xfrm>
            <a:off x="1298734" y="4160765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C1178A14-29B6-E9E6-89CE-C69BD44D3286}"/>
              </a:ext>
            </a:extLst>
          </p:cNvPr>
          <p:cNvSpPr txBox="1"/>
          <p:nvPr/>
        </p:nvSpPr>
        <p:spPr>
          <a:xfrm>
            <a:off x="3361447" y="4790624"/>
            <a:ext cx="450002" cy="7694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500">
                <a:latin typeface="+mn-lt"/>
                <a:ea typeface="ＭＳ Ｐゴシック"/>
              </a:rPr>
              <a:t>2TA-TCNQ</a:t>
            </a:r>
            <a:endParaRPr lang="en-GB" sz="1400" err="1">
              <a:latin typeface="+mn-lt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E157AB0A-DA57-77AF-F2C0-6EF7278B6DEB}"/>
              </a:ext>
            </a:extLst>
          </p:cNvPr>
          <p:cNvSpPr txBox="1"/>
          <p:nvPr/>
        </p:nvSpPr>
        <p:spPr>
          <a:xfrm>
            <a:off x="3705858" y="4816254"/>
            <a:ext cx="450002" cy="7694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500">
                <a:latin typeface="+mn-lt"/>
                <a:ea typeface="ＭＳ Ｐゴシック"/>
              </a:rPr>
              <a:t>2TN-TCNE</a:t>
            </a:r>
            <a:endParaRPr lang="en-GB" err="1">
              <a:latin typeface="+mn-lt"/>
            </a:endParaRP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513A71D2-4141-66E0-622F-29F26BF4A4FD}"/>
              </a:ext>
            </a:extLst>
          </p:cNvPr>
          <p:cNvSpPr txBox="1"/>
          <p:nvPr/>
        </p:nvSpPr>
        <p:spPr>
          <a:xfrm>
            <a:off x="4038011" y="4866966"/>
            <a:ext cx="450002" cy="7694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500">
                <a:latin typeface="+mn-lt"/>
                <a:ea typeface="ＭＳ Ｐゴシック"/>
              </a:rPr>
              <a:t>2TN-TCNQ</a:t>
            </a:r>
            <a:endParaRPr lang="en-GB" err="1">
              <a:latin typeface="+mn-lt"/>
            </a:endParaRPr>
          </a:p>
        </p:txBody>
      </p:sp>
      <p:cxnSp>
        <p:nvCxnSpPr>
          <p:cNvPr id="161" name="Straight Arrow Connector 160">
            <a:extLst>
              <a:ext uri="{FF2B5EF4-FFF2-40B4-BE49-F238E27FC236}">
                <a16:creationId xmlns:a16="http://schemas.microsoft.com/office/drawing/2014/main" id="{69872772-FEBA-5DF6-28CD-01FC0A843A7A}"/>
              </a:ext>
            </a:extLst>
          </p:cNvPr>
          <p:cNvCxnSpPr>
            <a:cxnSpLocks/>
          </p:cNvCxnSpPr>
          <p:nvPr/>
        </p:nvCxnSpPr>
        <p:spPr bwMode="auto">
          <a:xfrm>
            <a:off x="1298680" y="5233284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5" name="Straight Arrow Connector 174">
            <a:extLst>
              <a:ext uri="{FF2B5EF4-FFF2-40B4-BE49-F238E27FC236}">
                <a16:creationId xmlns:a16="http://schemas.microsoft.com/office/drawing/2014/main" id="{380DBF5D-8094-AE86-89D4-A63AE04EB472}"/>
              </a:ext>
            </a:extLst>
          </p:cNvPr>
          <p:cNvCxnSpPr>
            <a:cxnSpLocks/>
          </p:cNvCxnSpPr>
          <p:nvPr/>
        </p:nvCxnSpPr>
        <p:spPr bwMode="auto">
          <a:xfrm>
            <a:off x="1684748" y="5141353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6" name="Straight Arrow Connector 175">
            <a:extLst>
              <a:ext uri="{FF2B5EF4-FFF2-40B4-BE49-F238E27FC236}">
                <a16:creationId xmlns:a16="http://schemas.microsoft.com/office/drawing/2014/main" id="{CB80B9C4-00A5-34D4-F3C5-E0222BB4324B}"/>
              </a:ext>
            </a:extLst>
          </p:cNvPr>
          <p:cNvCxnSpPr>
            <a:cxnSpLocks/>
          </p:cNvCxnSpPr>
          <p:nvPr/>
        </p:nvCxnSpPr>
        <p:spPr bwMode="auto">
          <a:xfrm>
            <a:off x="2003446" y="5116838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5" name="Straight Arrow Connector 184">
            <a:extLst>
              <a:ext uri="{FF2B5EF4-FFF2-40B4-BE49-F238E27FC236}">
                <a16:creationId xmlns:a16="http://schemas.microsoft.com/office/drawing/2014/main" id="{6031BC37-C1E5-01A3-AE4B-A608FDFBDA22}"/>
              </a:ext>
            </a:extLst>
          </p:cNvPr>
          <p:cNvCxnSpPr>
            <a:cxnSpLocks/>
          </p:cNvCxnSpPr>
          <p:nvPr/>
        </p:nvCxnSpPr>
        <p:spPr bwMode="auto">
          <a:xfrm>
            <a:off x="2003365" y="5711320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0" name="Straight Arrow Connector 189">
            <a:extLst>
              <a:ext uri="{FF2B5EF4-FFF2-40B4-BE49-F238E27FC236}">
                <a16:creationId xmlns:a16="http://schemas.microsoft.com/office/drawing/2014/main" id="{DDF1A98A-2612-40C7-B61A-CCECF2FE4B8E}"/>
              </a:ext>
            </a:extLst>
          </p:cNvPr>
          <p:cNvCxnSpPr>
            <a:cxnSpLocks/>
          </p:cNvCxnSpPr>
          <p:nvPr/>
        </p:nvCxnSpPr>
        <p:spPr bwMode="auto">
          <a:xfrm>
            <a:off x="2340450" y="5435529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9B2DA0DA-B83B-AFD7-0737-3281D51F258B}"/>
              </a:ext>
            </a:extLst>
          </p:cNvPr>
          <p:cNvCxnSpPr>
            <a:cxnSpLocks/>
          </p:cNvCxnSpPr>
          <p:nvPr/>
        </p:nvCxnSpPr>
        <p:spPr bwMode="auto">
          <a:xfrm>
            <a:off x="4029053" y="5439024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0" name="Straight Arrow Connector 199">
            <a:extLst>
              <a:ext uri="{FF2B5EF4-FFF2-40B4-BE49-F238E27FC236}">
                <a16:creationId xmlns:a16="http://schemas.microsoft.com/office/drawing/2014/main" id="{CC0CAFF3-4A6F-9156-9C3D-2074ADC6EAF1}"/>
              </a:ext>
            </a:extLst>
          </p:cNvPr>
          <p:cNvCxnSpPr>
            <a:cxnSpLocks/>
          </p:cNvCxnSpPr>
          <p:nvPr/>
        </p:nvCxnSpPr>
        <p:spPr bwMode="auto">
          <a:xfrm>
            <a:off x="2340445" y="4779760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B91E8631-1EF6-5F98-0B42-99FF2D2195B2}"/>
              </a:ext>
            </a:extLst>
          </p:cNvPr>
          <p:cNvCxnSpPr>
            <a:cxnSpLocks/>
          </p:cNvCxnSpPr>
          <p:nvPr/>
        </p:nvCxnSpPr>
        <p:spPr bwMode="auto">
          <a:xfrm>
            <a:off x="4023338" y="4975204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CDADB996-553A-31C9-5A1C-C9B362C1B9EC}"/>
              </a:ext>
            </a:extLst>
          </p:cNvPr>
          <p:cNvCxnSpPr>
            <a:cxnSpLocks/>
          </p:cNvCxnSpPr>
          <p:nvPr/>
        </p:nvCxnSpPr>
        <p:spPr bwMode="auto">
          <a:xfrm>
            <a:off x="3685056" y="5574852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3" name="Straight Arrow Connector 212">
            <a:extLst>
              <a:ext uri="{FF2B5EF4-FFF2-40B4-BE49-F238E27FC236}">
                <a16:creationId xmlns:a16="http://schemas.microsoft.com/office/drawing/2014/main" id="{DD12462C-E845-C745-89EE-19668EAA66EA}"/>
              </a:ext>
            </a:extLst>
          </p:cNvPr>
          <p:cNvCxnSpPr>
            <a:cxnSpLocks/>
          </p:cNvCxnSpPr>
          <p:nvPr/>
        </p:nvCxnSpPr>
        <p:spPr bwMode="auto">
          <a:xfrm>
            <a:off x="1684646" y="6072913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BFA209C5-308E-2E14-5B15-538468279DAB}"/>
              </a:ext>
            </a:extLst>
          </p:cNvPr>
          <p:cNvCxnSpPr>
            <a:cxnSpLocks/>
          </p:cNvCxnSpPr>
          <p:nvPr/>
        </p:nvCxnSpPr>
        <p:spPr bwMode="auto">
          <a:xfrm>
            <a:off x="3679265" y="4906063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922CDC5A-4955-D47B-910D-A53A74435705}"/>
              </a:ext>
            </a:extLst>
          </p:cNvPr>
          <p:cNvCxnSpPr>
            <a:cxnSpLocks/>
          </p:cNvCxnSpPr>
          <p:nvPr/>
        </p:nvCxnSpPr>
        <p:spPr bwMode="auto">
          <a:xfrm>
            <a:off x="3361521" y="5292591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2" name="Straight Arrow Connector 221">
            <a:extLst>
              <a:ext uri="{FF2B5EF4-FFF2-40B4-BE49-F238E27FC236}">
                <a16:creationId xmlns:a16="http://schemas.microsoft.com/office/drawing/2014/main" id="{DF6AEB03-F6E2-594A-B63C-E75DF58E7E8F}"/>
              </a:ext>
            </a:extLst>
          </p:cNvPr>
          <p:cNvCxnSpPr>
            <a:cxnSpLocks/>
          </p:cNvCxnSpPr>
          <p:nvPr/>
        </p:nvCxnSpPr>
        <p:spPr bwMode="auto">
          <a:xfrm>
            <a:off x="2674633" y="4896248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6DDA6FB5-B34D-B80F-7D0D-B255D0E6B1E9}"/>
              </a:ext>
            </a:extLst>
          </p:cNvPr>
          <p:cNvCxnSpPr>
            <a:cxnSpLocks/>
          </p:cNvCxnSpPr>
          <p:nvPr/>
        </p:nvCxnSpPr>
        <p:spPr bwMode="auto">
          <a:xfrm>
            <a:off x="3361521" y="4866966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34F2B0E7-11DE-5FC5-4AE3-F46B9EB37C9A}"/>
              </a:ext>
            </a:extLst>
          </p:cNvPr>
          <p:cNvCxnSpPr>
            <a:cxnSpLocks/>
          </p:cNvCxnSpPr>
          <p:nvPr/>
        </p:nvCxnSpPr>
        <p:spPr bwMode="auto">
          <a:xfrm>
            <a:off x="3023239" y="5347584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1" name="Straight Arrow Connector 230">
            <a:extLst>
              <a:ext uri="{FF2B5EF4-FFF2-40B4-BE49-F238E27FC236}">
                <a16:creationId xmlns:a16="http://schemas.microsoft.com/office/drawing/2014/main" id="{81E4C28E-1ECA-39A0-17CF-6A559D4E91A6}"/>
              </a:ext>
            </a:extLst>
          </p:cNvPr>
          <p:cNvCxnSpPr>
            <a:cxnSpLocks/>
          </p:cNvCxnSpPr>
          <p:nvPr/>
        </p:nvCxnSpPr>
        <p:spPr bwMode="auto">
          <a:xfrm>
            <a:off x="2677519" y="5349727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EE46658F-86BB-CC75-DE4E-CBB4B83F89F9}"/>
              </a:ext>
            </a:extLst>
          </p:cNvPr>
          <p:cNvCxnSpPr>
            <a:cxnSpLocks/>
          </p:cNvCxnSpPr>
          <p:nvPr/>
        </p:nvCxnSpPr>
        <p:spPr bwMode="auto">
          <a:xfrm>
            <a:off x="3004262" y="4787774"/>
            <a:ext cx="338282" cy="12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70505140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objekt 6">
            <a:extLst>
              <a:ext uri="{FF2B5EF4-FFF2-40B4-BE49-F238E27FC236}">
                <a16:creationId xmlns:a16="http://schemas.microsoft.com/office/drawing/2014/main" id="{2E63BA30-1C97-5497-D018-5AA9C21A655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-99" b="13958"/>
          <a:stretch/>
        </p:blipFill>
        <p:spPr>
          <a:xfrm>
            <a:off x="65491" y="1432466"/>
            <a:ext cx="6623971" cy="2772668"/>
          </a:xfrm>
          <a:prstGeom prst="rect">
            <a:avLst/>
          </a:prstGeom>
        </p:spPr>
      </p:pic>
      <p:sp>
        <p:nvSpPr>
          <p:cNvPr id="10" name="Rektangel: rundade hörn 8">
            <a:extLst>
              <a:ext uri="{FF2B5EF4-FFF2-40B4-BE49-F238E27FC236}">
                <a16:creationId xmlns:a16="http://schemas.microsoft.com/office/drawing/2014/main" id="{A5C32221-92D8-2BF2-615B-A71FF7875D52}"/>
              </a:ext>
            </a:extLst>
          </p:cNvPr>
          <p:cNvSpPr/>
          <p:nvPr/>
        </p:nvSpPr>
        <p:spPr bwMode="auto">
          <a:xfrm>
            <a:off x="2944368" y="725179"/>
            <a:ext cx="5897880" cy="825083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EEAC7B23-3147-F6AF-CD1F-863791C2F40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682758" y="370946"/>
            <a:ext cx="2170960" cy="1587455"/>
          </a:xfrm>
          <a:prstGeom prst="rect">
            <a:avLst/>
          </a:prstGeom>
        </p:spPr>
      </p:pic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EBEA3700-2065-6028-72A1-350C2C078F2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pic>
        <p:nvPicPr>
          <p:cNvPr id="7" name="Bildobjekt 7">
            <a:extLst>
              <a:ext uri="{FF2B5EF4-FFF2-40B4-BE49-F238E27FC236}">
                <a16:creationId xmlns:a16="http://schemas.microsoft.com/office/drawing/2014/main" id="{4D822F67-9629-9311-E57E-ECF832E472F4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401" t="9402" r="-100" b="9821"/>
          <a:stretch/>
        </p:blipFill>
        <p:spPr>
          <a:xfrm>
            <a:off x="253663" y="4118868"/>
            <a:ext cx="6276723" cy="2382980"/>
          </a:xfrm>
          <a:prstGeom prst="rect">
            <a:avLst/>
          </a:prstGeom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15" name="Pennanteckning 14">
                <a:extLst>
                  <a:ext uri="{FF2B5EF4-FFF2-40B4-BE49-F238E27FC236}">
                    <a16:creationId xmlns:a16="http://schemas.microsoft.com/office/drawing/2014/main" id="{35019AFC-F3FE-5893-92CA-7782BA97574E}"/>
                  </a:ext>
                </a:extLst>
              </p14:cNvPr>
              <p14:cNvContentPartPr/>
              <p14:nvPr/>
            </p14:nvContentPartPr>
            <p14:xfrm>
              <a:off x="3817413" y="3989698"/>
              <a:ext cx="324230" cy="12606"/>
            </p14:xfrm>
          </p:contentPart>
        </mc:Choice>
        <mc:Fallback xmlns="">
          <p:pic>
            <p:nvPicPr>
              <p:cNvPr id="15" name="Pennanteckning 14">
                <a:extLst>
                  <a:ext uri="{FF2B5EF4-FFF2-40B4-BE49-F238E27FC236}">
                    <a16:creationId xmlns:a16="http://schemas.microsoft.com/office/drawing/2014/main" id="{35019AFC-F3FE-5893-92CA-7782BA97574E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3781467" y="1468498"/>
                <a:ext cx="395762" cy="5042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">
            <p14:nvContentPartPr>
              <p14:cNvPr id="16" name="Pennanteckning 15">
                <a:extLst>
                  <a:ext uri="{FF2B5EF4-FFF2-40B4-BE49-F238E27FC236}">
                    <a16:creationId xmlns:a16="http://schemas.microsoft.com/office/drawing/2014/main" id="{CC03BF3E-A14A-5C4A-72DC-E3ED0A1428EB}"/>
                  </a:ext>
                </a:extLst>
              </p14:cNvPr>
              <p14:cNvContentPartPr/>
              <p14:nvPr/>
            </p14:nvContentPartPr>
            <p14:xfrm>
              <a:off x="4851356" y="6254588"/>
              <a:ext cx="306673" cy="12606"/>
            </p14:xfrm>
          </p:contentPart>
        </mc:Choice>
        <mc:Fallback xmlns="">
          <p:pic>
            <p:nvPicPr>
              <p:cNvPr id="16" name="Pennanteckning 15">
                <a:extLst>
                  <a:ext uri="{FF2B5EF4-FFF2-40B4-BE49-F238E27FC236}">
                    <a16:creationId xmlns:a16="http://schemas.microsoft.com/office/drawing/2014/main" id="{CC03BF3E-A14A-5C4A-72DC-E3ED0A1428EB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4815404" y="5414188"/>
                <a:ext cx="378218" cy="1689204"/>
              </a:xfrm>
              <a:prstGeom prst="rect">
                <a:avLst/>
              </a:prstGeom>
            </p:spPr>
          </p:pic>
        </mc:Fallback>
      </mc:AlternateContent>
      <p:sp>
        <p:nvSpPr>
          <p:cNvPr id="17" name="textruta 16">
            <a:extLst>
              <a:ext uri="{FF2B5EF4-FFF2-40B4-BE49-F238E27FC236}">
                <a16:creationId xmlns:a16="http://schemas.microsoft.com/office/drawing/2014/main" id="{AB250E11-EC1A-FCD0-D9C3-773739EFAE80}"/>
              </a:ext>
            </a:extLst>
          </p:cNvPr>
          <p:cNvSpPr txBox="1"/>
          <p:nvPr/>
        </p:nvSpPr>
        <p:spPr>
          <a:xfrm>
            <a:off x="775220" y="1835558"/>
            <a:ext cx="1903599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l">
              <a:spcBef>
                <a:spcPts val="432"/>
              </a:spcBef>
            </a:pPr>
            <a:r>
              <a:rPr lang="sv-SE" b="1">
                <a:latin typeface="+mn-lt"/>
                <a:ea typeface="ＭＳ Ｐゴシック"/>
                <a:cs typeface="Arial"/>
              </a:rPr>
              <a:t>TCNQ</a:t>
            </a:r>
            <a:endParaRPr lang="sv-SE" b="1" err="1">
              <a:latin typeface="+mn-lt"/>
            </a:endParaRPr>
          </a:p>
        </p:txBody>
      </p:sp>
      <p:sp>
        <p:nvSpPr>
          <p:cNvPr id="22" name="textruta 21">
            <a:extLst>
              <a:ext uri="{FF2B5EF4-FFF2-40B4-BE49-F238E27FC236}">
                <a16:creationId xmlns:a16="http://schemas.microsoft.com/office/drawing/2014/main" id="{9F6CFEBB-D8B1-1200-9496-29D824DDB1DD}"/>
              </a:ext>
            </a:extLst>
          </p:cNvPr>
          <p:cNvSpPr txBox="1"/>
          <p:nvPr/>
        </p:nvSpPr>
        <p:spPr>
          <a:xfrm>
            <a:off x="774258" y="4491693"/>
            <a:ext cx="1903599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l">
              <a:spcBef>
                <a:spcPts val="432"/>
              </a:spcBef>
            </a:pPr>
            <a:r>
              <a:rPr lang="sv-SE" b="1">
                <a:latin typeface="+mn-lt"/>
                <a:ea typeface="ＭＳ Ｐゴシック"/>
                <a:cs typeface="Arial"/>
              </a:rPr>
              <a:t>TCNE</a:t>
            </a:r>
            <a:endParaRPr lang="sv-SE" b="1" err="1">
              <a:latin typeface="+mn-lt"/>
            </a:endParaRPr>
          </a:p>
        </p:txBody>
      </p:sp>
      <p:graphicFrame>
        <p:nvGraphicFramePr>
          <p:cNvPr id="25" name="Diagram 24">
            <a:extLst>
              <a:ext uri="{FF2B5EF4-FFF2-40B4-BE49-F238E27FC236}">
                <a16:creationId xmlns:a16="http://schemas.microsoft.com/office/drawing/2014/main" id="{3E04E4AD-19ED-20BB-6C19-2B744A36025F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911437857"/>
              </p:ext>
            </p:extLst>
          </p:nvPr>
        </p:nvGraphicFramePr>
        <p:xfrm>
          <a:off x="4281940" y="132768"/>
          <a:ext cx="3259206" cy="47325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9" r:lo="rId10" r:qs="rId11" r:cs="rId12"/>
          </a:graphicData>
        </a:graphic>
      </p:graphicFrame>
      <p:sp>
        <p:nvSpPr>
          <p:cNvPr id="31" name="Rektangel: rundade hörn 8">
            <a:extLst>
              <a:ext uri="{FF2B5EF4-FFF2-40B4-BE49-F238E27FC236}">
                <a16:creationId xmlns:a16="http://schemas.microsoft.com/office/drawing/2014/main" id="{71A4D98F-ECE6-DC48-3A51-79837539FCAC}"/>
              </a:ext>
            </a:extLst>
          </p:cNvPr>
          <p:cNvSpPr/>
          <p:nvPr/>
        </p:nvSpPr>
        <p:spPr bwMode="auto">
          <a:xfrm>
            <a:off x="2944368" y="725179"/>
            <a:ext cx="5897880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</a:endParaRPr>
          </a:p>
        </p:txBody>
      </p:sp>
      <p:sp>
        <p:nvSpPr>
          <p:cNvPr id="45" name="Rubrik 1">
            <a:extLst>
              <a:ext uri="{FF2B5EF4-FFF2-40B4-BE49-F238E27FC236}">
                <a16:creationId xmlns:a16="http://schemas.microsoft.com/office/drawing/2014/main" id="{0012CAD7-A5CC-9C2C-2EE1-237BB14CE4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948337" y="426127"/>
            <a:ext cx="5892497" cy="972716"/>
          </a:xfrm>
        </p:spPr>
        <p:txBody>
          <a:bodyPr/>
          <a:lstStyle/>
          <a:p>
            <a:pPr algn="ctr"/>
            <a:r>
              <a:rPr lang="sv-SE">
                <a:solidFill>
                  <a:srgbClr val="FFFFFF"/>
                </a:solidFill>
                <a:cs typeface="Arial"/>
              </a:rPr>
              <a:t>Absorption</a:t>
            </a:r>
            <a:endParaRPr lang="sv-SE">
              <a:solidFill>
                <a:srgbClr val="FFFFFF"/>
              </a:solidFill>
            </a:endParaRPr>
          </a:p>
        </p:txBody>
      </p:sp>
      <p:pic>
        <p:nvPicPr>
          <p:cNvPr id="51" name="Bildobjekt 51" descr="En bild som visar text, whiteboardtavla&#10;&#10;Automatiskt genererad beskrivning">
            <a:extLst>
              <a:ext uri="{FF2B5EF4-FFF2-40B4-BE49-F238E27FC236}">
                <a16:creationId xmlns:a16="http://schemas.microsoft.com/office/drawing/2014/main" id="{DEF1372B-15A1-10DD-51DF-05D50671D0FB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5656445" y="1740144"/>
            <a:ext cx="800076" cy="515032"/>
          </a:xfrm>
          <a:prstGeom prst="rect">
            <a:avLst/>
          </a:prstGeom>
        </p:spPr>
      </p:pic>
      <p:pic>
        <p:nvPicPr>
          <p:cNvPr id="52" name="Bildobjekt 52" descr="En bild som visar text&#10;&#10;Automatiskt genererad beskrivning">
            <a:extLst>
              <a:ext uri="{FF2B5EF4-FFF2-40B4-BE49-F238E27FC236}">
                <a16:creationId xmlns:a16="http://schemas.microsoft.com/office/drawing/2014/main" id="{8662FC5A-A7A6-0093-8CCD-417FBAE3D3D5}"/>
              </a:ext>
            </a:extLst>
          </p:cNvPr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5656443" y="4224197"/>
            <a:ext cx="800079" cy="505884"/>
          </a:xfrm>
          <a:prstGeom prst="rect">
            <a:avLst/>
          </a:prstGeom>
        </p:spPr>
      </p:pic>
      <p:pic>
        <p:nvPicPr>
          <p:cNvPr id="27" name="Bildobjekt 5">
            <a:extLst>
              <a:ext uri="{FF2B5EF4-FFF2-40B4-BE49-F238E27FC236}">
                <a16:creationId xmlns:a16="http://schemas.microsoft.com/office/drawing/2014/main" id="{99B8DEFC-D21F-9ABF-EEAF-34BADB8C3814}"/>
              </a:ext>
            </a:extLst>
          </p:cNvPr>
          <p:cNvPicPr>
            <a:picLocks noChangeAspect="1"/>
          </p:cNvPicPr>
          <p:nvPr/>
        </p:nvPicPr>
        <p:blipFill rotWithShape="1">
          <a:blip r:embed="rId16"/>
          <a:srcRect t="-314" r="51671"/>
          <a:stretch/>
        </p:blipFill>
        <p:spPr bwMode="auto">
          <a:xfrm>
            <a:off x="7302666" y="2321174"/>
            <a:ext cx="3544718" cy="274278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8" name="textruta 22">
            <a:extLst>
              <a:ext uri="{FF2B5EF4-FFF2-40B4-BE49-F238E27FC236}">
                <a16:creationId xmlns:a16="http://schemas.microsoft.com/office/drawing/2014/main" id="{5804C9A8-CDE3-4B5E-9996-B0CE63175B73}"/>
              </a:ext>
            </a:extLst>
          </p:cNvPr>
          <p:cNvSpPr txBox="1"/>
          <p:nvPr/>
        </p:nvSpPr>
        <p:spPr>
          <a:xfrm>
            <a:off x="7390749" y="5104976"/>
            <a:ext cx="4112525" cy="108747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endParaRPr lang="sv-SE">
              <a:latin typeface="+mn-lt"/>
              <a:ea typeface="ＭＳ Ｐゴシック"/>
              <a:cs typeface="Arial"/>
            </a:endParaRPr>
          </a:p>
          <a:p>
            <a:pPr>
              <a:spcBef>
                <a:spcPts val="432"/>
              </a:spcBef>
            </a:pPr>
            <a:r>
              <a:rPr lang="sv-SE">
                <a:latin typeface="+mn-lt"/>
                <a:ea typeface="ＭＳ Ｐゴシック"/>
                <a:cs typeface="Arial"/>
              </a:rPr>
              <a:t>Lower energy peak better, can absorb all photons with higher energy</a:t>
            </a:r>
            <a:r>
              <a:rPr lang="sv-SE" b="1">
                <a:latin typeface="+mn-lt"/>
                <a:ea typeface="ＭＳ Ｐゴシック"/>
                <a:cs typeface="Arial"/>
              </a:rPr>
              <a:t>: 2TA-TCNQ</a:t>
            </a: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</p:txBody>
      </p:sp>
      <p:pic>
        <p:nvPicPr>
          <p:cNvPr id="11" name="Bildobjekt 11">
            <a:extLst>
              <a:ext uri="{FF2B5EF4-FFF2-40B4-BE49-F238E27FC236}">
                <a16:creationId xmlns:a16="http://schemas.microsoft.com/office/drawing/2014/main" id="{F869809B-04AE-B9A4-1056-A4BC7F909B83}"/>
              </a:ext>
            </a:extLst>
          </p:cNvPr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10328466" y="2531535"/>
            <a:ext cx="611257" cy="572973"/>
          </a:xfrm>
          <a:prstGeom prst="rect">
            <a:avLst/>
          </a:prstGeom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18">
            <p14:nvContentPartPr>
              <p14:cNvPr id="109" name="Pennanteckning 108">
                <a:extLst>
                  <a:ext uri="{FF2B5EF4-FFF2-40B4-BE49-F238E27FC236}">
                    <a16:creationId xmlns:a16="http://schemas.microsoft.com/office/drawing/2014/main" id="{D59F154B-5E3E-188B-C378-6A5DB0FC31E8}"/>
                  </a:ext>
                </a:extLst>
              </p14:cNvPr>
              <p14:cNvContentPartPr/>
              <p14:nvPr/>
            </p14:nvContentPartPr>
            <p14:xfrm>
              <a:off x="9911986" y="1532130"/>
              <a:ext cx="38862" cy="83634"/>
            </p14:xfrm>
          </p:contentPart>
        </mc:Choice>
        <mc:Fallback xmlns="">
          <p:pic>
            <p:nvPicPr>
              <p:cNvPr id="109" name="Pennanteckning 108">
                <a:extLst>
                  <a:ext uri="{FF2B5EF4-FFF2-40B4-BE49-F238E27FC236}">
                    <a16:creationId xmlns:a16="http://schemas.microsoft.com/office/drawing/2014/main" id="{D59F154B-5E3E-188B-C378-6A5DB0FC31E8}"/>
                  </a:ext>
                </a:extLst>
              </p:cNvPr>
              <p:cNvPicPr/>
              <p:nvPr/>
            </p:nvPicPr>
            <p:blipFill>
              <a:blip r:embed="rId19"/>
              <a:stretch>
                <a:fillRect/>
              </a:stretch>
            </p:blipFill>
            <p:spPr>
              <a:xfrm>
                <a:off x="9876333" y="1496236"/>
                <a:ext cx="109812" cy="155064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0">
            <p14:nvContentPartPr>
              <p14:cNvPr id="9" name="Ink 8">
                <a:extLst>
                  <a:ext uri="{FF2B5EF4-FFF2-40B4-BE49-F238E27FC236}">
                    <a16:creationId xmlns:a16="http://schemas.microsoft.com/office/drawing/2014/main" id="{7F7D9F6D-97C8-C149-D4CF-F2EB9323584C}"/>
                  </a:ext>
                </a:extLst>
              </p14:cNvPr>
              <p14:cNvContentPartPr/>
              <p14:nvPr/>
            </p14:nvContentPartPr>
            <p14:xfrm>
              <a:off x="10451912" y="1215284"/>
              <a:ext cx="107030" cy="202683"/>
            </p14:xfrm>
          </p:contentPart>
        </mc:Choice>
        <mc:Fallback xmlns="">
          <p:pic>
            <p:nvPicPr>
              <p:cNvPr id="9" name="Ink 8">
                <a:extLst>
                  <a:ext uri="{FF2B5EF4-FFF2-40B4-BE49-F238E27FC236}">
                    <a16:creationId xmlns:a16="http://schemas.microsoft.com/office/drawing/2014/main" id="{7F7D9F6D-97C8-C149-D4CF-F2EB9323584C}"/>
                  </a:ext>
                </a:extLst>
              </p:cNvPr>
              <p:cNvPicPr/>
              <p:nvPr/>
            </p:nvPicPr>
            <p:blipFill>
              <a:blip r:embed="rId21"/>
              <a:stretch>
                <a:fillRect/>
              </a:stretch>
            </p:blipFill>
            <p:spPr>
              <a:xfrm>
                <a:off x="10433954" y="1197316"/>
                <a:ext cx="142587" cy="2382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2">
            <p14:nvContentPartPr>
              <p14:cNvPr id="12" name="Ink 11">
                <a:extLst>
                  <a:ext uri="{FF2B5EF4-FFF2-40B4-BE49-F238E27FC236}">
                    <a16:creationId xmlns:a16="http://schemas.microsoft.com/office/drawing/2014/main" id="{66F76844-B027-1604-C269-CF7EFAE3FB79}"/>
                  </a:ext>
                </a:extLst>
              </p14:cNvPr>
              <p14:cNvContentPartPr/>
              <p14:nvPr/>
            </p14:nvContentPartPr>
            <p14:xfrm>
              <a:off x="10327193" y="1212561"/>
              <a:ext cx="198624" cy="149338"/>
            </p14:xfrm>
          </p:contentPart>
        </mc:Choice>
        <mc:Fallback xmlns="">
          <p:pic>
            <p:nvPicPr>
              <p:cNvPr id="12" name="Ink 11">
                <a:extLst>
                  <a:ext uri="{FF2B5EF4-FFF2-40B4-BE49-F238E27FC236}">
                    <a16:creationId xmlns:a16="http://schemas.microsoft.com/office/drawing/2014/main" id="{66F76844-B027-1604-C269-CF7EFAE3FB79}"/>
                  </a:ext>
                </a:extLst>
              </p:cNvPr>
              <p:cNvPicPr/>
              <p:nvPr/>
            </p:nvPicPr>
            <p:blipFill>
              <a:blip r:embed="rId23"/>
              <a:stretch>
                <a:fillRect/>
              </a:stretch>
            </p:blipFill>
            <p:spPr>
              <a:xfrm>
                <a:off x="10291210" y="1176662"/>
                <a:ext cx="270229" cy="220776"/>
              </a:xfrm>
              <a:prstGeom prst="rect">
                <a:avLst/>
              </a:prstGeom>
            </p:spPr>
          </p:pic>
        </mc:Fallback>
      </mc:AlternateContent>
      <p:sp>
        <p:nvSpPr>
          <p:cNvPr id="74" name="textruta 73">
            <a:extLst>
              <a:ext uri="{FF2B5EF4-FFF2-40B4-BE49-F238E27FC236}">
                <a16:creationId xmlns:a16="http://schemas.microsoft.com/office/drawing/2014/main" id="{D6FAEEE8-27C6-EA20-4FE7-6DC6E7275220}"/>
              </a:ext>
            </a:extLst>
          </p:cNvPr>
          <p:cNvSpPr txBox="1"/>
          <p:nvPr/>
        </p:nvSpPr>
        <p:spPr>
          <a:xfrm>
            <a:off x="10318759" y="1201431"/>
            <a:ext cx="1358493" cy="16158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l">
              <a:spcBef>
                <a:spcPts val="432"/>
              </a:spcBef>
            </a:pPr>
            <a:r>
              <a:rPr lang="sv-SE" sz="1050">
                <a:latin typeface="+mn-lt"/>
                <a:ea typeface="ＭＳ Ｐゴシック"/>
                <a:cs typeface="Arial"/>
              </a:rPr>
              <a:t>2.2</a:t>
            </a:r>
            <a:endParaRPr lang="sv-SE" sz="1050" err="1">
              <a:latin typeface="+mn-lt"/>
              <a:ea typeface="ＭＳ Ｐゴシック"/>
              <a:cs typeface="Arial"/>
            </a:endParaRPr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24">
            <p14:nvContentPartPr>
              <p14:cNvPr id="3" name="Ink 2">
                <a:extLst>
                  <a:ext uri="{FF2B5EF4-FFF2-40B4-BE49-F238E27FC236}">
                    <a16:creationId xmlns:a16="http://schemas.microsoft.com/office/drawing/2014/main" id="{2F99D1B4-BB63-7A27-DA18-D19EE6A7D2F5}"/>
                  </a:ext>
                </a:extLst>
              </p14:cNvPr>
              <p14:cNvContentPartPr/>
              <p14:nvPr/>
            </p14:nvContentPartPr>
            <p14:xfrm>
              <a:off x="10408760" y="1198880"/>
              <a:ext cx="29880" cy="360"/>
            </p14:xfrm>
          </p:contentPart>
        </mc:Choice>
        <mc:Fallback xmlns="">
          <p:pic>
            <p:nvPicPr>
              <p:cNvPr id="3" name="Ink 2">
                <a:extLst>
                  <a:ext uri="{FF2B5EF4-FFF2-40B4-BE49-F238E27FC236}">
                    <a16:creationId xmlns:a16="http://schemas.microsoft.com/office/drawing/2014/main" id="{2F99D1B4-BB63-7A27-DA18-D19EE6A7D2F5}"/>
                  </a:ext>
                </a:extLst>
              </p:cNvPr>
              <p:cNvPicPr/>
              <p:nvPr/>
            </p:nvPicPr>
            <p:blipFill>
              <a:blip r:embed="rId25"/>
              <a:stretch>
                <a:fillRect/>
              </a:stretch>
            </p:blipFill>
            <p:spPr>
              <a:xfrm>
                <a:off x="10399760" y="1189880"/>
                <a:ext cx="4752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6">
            <p14:nvContentPartPr>
              <p14:cNvPr id="5" name="Ink 4">
                <a:extLst>
                  <a:ext uri="{FF2B5EF4-FFF2-40B4-BE49-F238E27FC236}">
                    <a16:creationId xmlns:a16="http://schemas.microsoft.com/office/drawing/2014/main" id="{37C5B0CB-DCBA-A6F1-09FC-476DAD56B8A7}"/>
                  </a:ext>
                </a:extLst>
              </p14:cNvPr>
              <p14:cNvContentPartPr/>
              <p14:nvPr/>
            </p14:nvContentPartPr>
            <p14:xfrm>
              <a:off x="10276640" y="1193480"/>
              <a:ext cx="27360" cy="139680"/>
            </p14:xfrm>
          </p:contentPart>
        </mc:Choice>
        <mc:Fallback xmlns="">
          <p:pic>
            <p:nvPicPr>
              <p:cNvPr id="5" name="Ink 4">
                <a:extLst>
                  <a:ext uri="{FF2B5EF4-FFF2-40B4-BE49-F238E27FC236}">
                    <a16:creationId xmlns:a16="http://schemas.microsoft.com/office/drawing/2014/main" id="{37C5B0CB-DCBA-A6F1-09FC-476DAD56B8A7}"/>
                  </a:ext>
                </a:extLst>
              </p:cNvPr>
              <p:cNvPicPr/>
              <p:nvPr/>
            </p:nvPicPr>
            <p:blipFill>
              <a:blip r:embed="rId27"/>
              <a:stretch>
                <a:fillRect/>
              </a:stretch>
            </p:blipFill>
            <p:spPr>
              <a:xfrm>
                <a:off x="10267640" y="1184480"/>
                <a:ext cx="45000" cy="15732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174536268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6" name="Rektangel: rundade hörn 8">
            <a:extLst>
              <a:ext uri="{FF2B5EF4-FFF2-40B4-BE49-F238E27FC236}">
                <a16:creationId xmlns:a16="http://schemas.microsoft.com/office/drawing/2014/main" id="{E997B21E-5A6A-3CE6-DA83-FA56E90A8B31}"/>
              </a:ext>
            </a:extLst>
          </p:cNvPr>
          <p:cNvSpPr/>
          <p:nvPr/>
        </p:nvSpPr>
        <p:spPr bwMode="auto">
          <a:xfrm>
            <a:off x="2166383" y="699941"/>
            <a:ext cx="7593813" cy="1014680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95DEF46-02AE-7144-E639-4708CB9E017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3756" y="2524725"/>
            <a:ext cx="6687686" cy="3036757"/>
          </a:xfrm>
        </p:spPr>
        <p:txBody>
          <a:bodyPr/>
          <a:lstStyle/>
          <a:p>
            <a:pPr marL="197485" indent="-197485">
              <a:lnSpc>
                <a:spcPct val="150000"/>
              </a:lnSpc>
            </a:pPr>
            <a:r>
              <a:rPr lang="en-GB" b="1">
                <a:cs typeface="Arial"/>
              </a:rPr>
              <a:t>Excited-state geometry optimization </a:t>
            </a:r>
          </a:p>
          <a:p>
            <a:pPr marL="413485" lvl="1" indent="-197485">
              <a:lnSpc>
                <a:spcPct val="150000"/>
              </a:lnSpc>
            </a:pPr>
            <a:r>
              <a:rPr lang="en-GB">
                <a:cs typeface="Arial"/>
              </a:rPr>
              <a:t>High complexity, for less computation time less accurate functional used (PBE)</a:t>
            </a:r>
          </a:p>
          <a:p>
            <a:pPr marL="413485" lvl="1" indent="-197485">
              <a:lnSpc>
                <a:spcPct val="150000"/>
              </a:lnSpc>
            </a:pPr>
            <a:r>
              <a:rPr lang="en-GB">
                <a:cs typeface="Arial"/>
              </a:rPr>
              <a:t>No major geometric changes seen, although expected due to change in dipole moment after excitation</a:t>
            </a:r>
          </a:p>
          <a:p>
            <a:pPr marL="216000" lvl="1" indent="0">
              <a:buNone/>
            </a:pPr>
            <a:endParaRPr lang="en-GB">
              <a:cs typeface="Arial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7E00B4-349D-F2DE-888D-DDB610F4934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878724" y="2736808"/>
            <a:ext cx="274857" cy="222164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E52E7CD7-4EAD-2A0F-AE60-7ABCD03E6954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169440007"/>
              </p:ext>
            </p:extLst>
          </p:nvPr>
        </p:nvGraphicFramePr>
        <p:xfrm>
          <a:off x="4281940" y="132768"/>
          <a:ext cx="3259206" cy="47325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66" name="Rektangel: rundade hörn 8">
            <a:extLst>
              <a:ext uri="{FF2B5EF4-FFF2-40B4-BE49-F238E27FC236}">
                <a16:creationId xmlns:a16="http://schemas.microsoft.com/office/drawing/2014/main" id="{91879673-93D6-FDFA-E344-1F8C2BD81E11}"/>
              </a:ext>
            </a:extLst>
          </p:cNvPr>
          <p:cNvSpPr/>
          <p:nvPr/>
        </p:nvSpPr>
        <p:spPr bwMode="auto">
          <a:xfrm>
            <a:off x="2944368" y="725179"/>
            <a:ext cx="5897880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E29BAE5-F929-1FA3-CFA6-C98CAADFE67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85455" y="859230"/>
            <a:ext cx="8426924" cy="1232217"/>
          </a:xfrm>
        </p:spPr>
        <p:txBody>
          <a:bodyPr/>
          <a:lstStyle/>
          <a:p>
            <a:pPr algn="ctr"/>
            <a:r>
              <a:rPr lang="en-GB">
                <a:solidFill>
                  <a:schemeClr val="bg1"/>
                </a:solidFill>
              </a:rPr>
              <a:t>Excited-state geometry optimization </a:t>
            </a:r>
            <a:br>
              <a:rPr lang="en-GB">
                <a:solidFill>
                  <a:schemeClr val="bg1"/>
                </a:solidFill>
              </a:rPr>
            </a:br>
            <a:r>
              <a:rPr lang="en-GB">
                <a:solidFill>
                  <a:schemeClr val="bg1"/>
                </a:solidFill>
              </a:rPr>
              <a:t>&amp; electronic structure</a:t>
            </a:r>
            <a:br>
              <a:rPr lang="en-GB"/>
            </a:br>
            <a:endParaRPr lang="en-GB">
              <a:solidFill>
                <a:schemeClr val="bg1"/>
              </a:solidFill>
            </a:endParaRPr>
          </a:p>
        </p:txBody>
      </p:sp>
      <p:pic>
        <p:nvPicPr>
          <p:cNvPr id="24" name="Picture 23">
            <a:extLst>
              <a:ext uri="{FF2B5EF4-FFF2-40B4-BE49-F238E27FC236}">
                <a16:creationId xmlns:a16="http://schemas.microsoft.com/office/drawing/2014/main" id="{FD3D5C2D-B6F2-F6EF-CDD0-4D84C121126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471851" y="2337440"/>
            <a:ext cx="4314686" cy="3152851"/>
          </a:xfrm>
          <a:prstGeom prst="rect">
            <a:avLst/>
          </a:prstGeom>
        </p:spPr>
      </p:pic>
      <p:sp>
        <p:nvSpPr>
          <p:cNvPr id="25" name="TextBox 24">
            <a:extLst>
              <a:ext uri="{FF2B5EF4-FFF2-40B4-BE49-F238E27FC236}">
                <a16:creationId xmlns:a16="http://schemas.microsoft.com/office/drawing/2014/main" id="{D3111261-E72B-3E20-64CB-78BAD64BCFCA}"/>
              </a:ext>
            </a:extLst>
          </p:cNvPr>
          <p:cNvSpPr txBox="1"/>
          <p:nvPr/>
        </p:nvSpPr>
        <p:spPr>
          <a:xfrm>
            <a:off x="8863881" y="2524725"/>
            <a:ext cx="289283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050">
                <a:latin typeface="+mn-lt"/>
              </a:rPr>
              <a:t>3.1</a:t>
            </a:r>
            <a:endParaRPr lang="en-GB">
              <a:latin typeface="+mn-lt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DB8C1D4E-8B85-EB1E-0074-58DCC25D2FC1}"/>
              </a:ext>
            </a:extLst>
          </p:cNvPr>
          <p:cNvSpPr txBox="1"/>
          <p:nvPr/>
        </p:nvSpPr>
        <p:spPr>
          <a:xfrm>
            <a:off x="9155800" y="3775026"/>
            <a:ext cx="289283" cy="161583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050">
                <a:latin typeface="+mn-lt"/>
                <a:ea typeface="ＭＳ Ｐゴシック"/>
              </a:rPr>
              <a:t>3.2</a:t>
            </a:r>
            <a:endParaRPr lang="en-GB">
              <a:latin typeface="+mn-lt"/>
            </a:endParaRPr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8">
            <p14:nvContentPartPr>
              <p14:cNvPr id="35" name="Ink 34">
                <a:extLst>
                  <a:ext uri="{FF2B5EF4-FFF2-40B4-BE49-F238E27FC236}">
                    <a16:creationId xmlns:a16="http://schemas.microsoft.com/office/drawing/2014/main" id="{FB94EB36-F4BD-D3B4-179F-BC9CFE079A3C}"/>
                  </a:ext>
                </a:extLst>
              </p14:cNvPr>
              <p14:cNvContentPartPr/>
              <p14:nvPr/>
            </p14:nvContentPartPr>
            <p14:xfrm>
              <a:off x="9058392" y="3438024"/>
              <a:ext cx="360" cy="360"/>
            </p14:xfrm>
          </p:contentPart>
        </mc:Choice>
        <mc:Fallback xmlns="">
          <p:pic>
            <p:nvPicPr>
              <p:cNvPr id="35" name="Ink 34">
                <a:extLst>
                  <a:ext uri="{FF2B5EF4-FFF2-40B4-BE49-F238E27FC236}">
                    <a16:creationId xmlns:a16="http://schemas.microsoft.com/office/drawing/2014/main" id="{FB94EB36-F4BD-D3B4-179F-BC9CFE079A3C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9049392" y="3429024"/>
                <a:ext cx="18000" cy="18000"/>
              </a:xfrm>
              <a:prstGeom prst="rect">
                <a:avLst/>
              </a:prstGeom>
            </p:spPr>
          </p:pic>
        </mc:Fallback>
      </mc:AlternateContent>
      <p:grpSp>
        <p:nvGrpSpPr>
          <p:cNvPr id="47" name="Group 46">
            <a:extLst>
              <a:ext uri="{FF2B5EF4-FFF2-40B4-BE49-F238E27FC236}">
                <a16:creationId xmlns:a16="http://schemas.microsoft.com/office/drawing/2014/main" id="{D29535FC-BF14-F620-D542-0F48DB6661C1}"/>
              </a:ext>
            </a:extLst>
          </p:cNvPr>
          <p:cNvGrpSpPr/>
          <p:nvPr/>
        </p:nvGrpSpPr>
        <p:grpSpPr>
          <a:xfrm>
            <a:off x="8942832" y="3456384"/>
            <a:ext cx="18360" cy="39240"/>
            <a:chOff x="8942832" y="3456384"/>
            <a:chExt cx="18360" cy="39240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10">
              <p14:nvContentPartPr>
                <p14:cNvPr id="36" name="Ink 35">
                  <a:extLst>
                    <a:ext uri="{FF2B5EF4-FFF2-40B4-BE49-F238E27FC236}">
                      <a16:creationId xmlns:a16="http://schemas.microsoft.com/office/drawing/2014/main" id="{C7D7B1D2-D89E-770E-AB23-DC7817B85616}"/>
                    </a:ext>
                  </a:extLst>
                </p14:cNvPr>
                <p14:cNvContentPartPr/>
                <p14:nvPr/>
              </p14:nvContentPartPr>
              <p14:xfrm>
                <a:off x="8960832" y="3456384"/>
                <a:ext cx="360" cy="360"/>
              </p14:xfrm>
            </p:contentPart>
          </mc:Choice>
          <mc:Fallback xmlns="">
            <p:pic>
              <p:nvPicPr>
                <p:cNvPr id="36" name="Ink 35">
                  <a:extLst>
                    <a:ext uri="{FF2B5EF4-FFF2-40B4-BE49-F238E27FC236}">
                      <a16:creationId xmlns:a16="http://schemas.microsoft.com/office/drawing/2014/main" id="{C7D7B1D2-D89E-770E-AB23-DC7817B85616}"/>
                    </a:ext>
                  </a:extLst>
                </p:cNvPr>
                <p:cNvPicPr/>
                <p:nvPr/>
              </p:nvPicPr>
              <p:blipFill>
                <a:blip r:embed="rId9"/>
                <a:stretch>
                  <a:fillRect/>
                </a:stretch>
              </p:blipFill>
              <p:spPr>
                <a:xfrm>
                  <a:off x="8951832" y="3447384"/>
                  <a:ext cx="18000" cy="180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11">
              <p14:nvContentPartPr>
                <p14:cNvPr id="37" name="Ink 36">
                  <a:extLst>
                    <a:ext uri="{FF2B5EF4-FFF2-40B4-BE49-F238E27FC236}">
                      <a16:creationId xmlns:a16="http://schemas.microsoft.com/office/drawing/2014/main" id="{1AE893C3-91C4-250F-6996-BE1A0FE65152}"/>
                    </a:ext>
                  </a:extLst>
                </p14:cNvPr>
                <p14:cNvContentPartPr/>
                <p14:nvPr/>
              </p14:nvContentPartPr>
              <p14:xfrm>
                <a:off x="8942832" y="3480504"/>
                <a:ext cx="360" cy="15120"/>
              </p14:xfrm>
            </p:contentPart>
          </mc:Choice>
          <mc:Fallback xmlns="">
            <p:pic>
              <p:nvPicPr>
                <p:cNvPr id="37" name="Ink 36">
                  <a:extLst>
                    <a:ext uri="{FF2B5EF4-FFF2-40B4-BE49-F238E27FC236}">
                      <a16:creationId xmlns:a16="http://schemas.microsoft.com/office/drawing/2014/main" id="{1AE893C3-91C4-250F-6996-BE1A0FE65152}"/>
                    </a:ext>
                  </a:extLst>
                </p:cNvPr>
                <p:cNvPicPr/>
                <p:nvPr/>
              </p:nvPicPr>
              <p:blipFill>
                <a:blip r:embed="rId12"/>
                <a:stretch>
                  <a:fillRect/>
                </a:stretch>
              </p:blipFill>
              <p:spPr>
                <a:xfrm>
                  <a:off x="8933832" y="3471504"/>
                  <a:ext cx="18000" cy="3276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 xmlns:p14="http://schemas.microsoft.com/office/powerpoint/2010/main">
        <mc:Choice Requires="p14">
          <p:contentPart p14:bwMode="auto" r:id="rId13">
            <p14:nvContentPartPr>
              <p14:cNvPr id="38" name="Ink 37">
                <a:extLst>
                  <a:ext uri="{FF2B5EF4-FFF2-40B4-BE49-F238E27FC236}">
                    <a16:creationId xmlns:a16="http://schemas.microsoft.com/office/drawing/2014/main" id="{F688612D-A400-AAF5-5B1D-0CA682E139DA}"/>
                  </a:ext>
                </a:extLst>
              </p14:cNvPr>
              <p14:cNvContentPartPr/>
              <p14:nvPr/>
            </p14:nvContentPartPr>
            <p14:xfrm>
              <a:off x="8942832" y="3541704"/>
              <a:ext cx="3960" cy="55440"/>
            </p14:xfrm>
          </p:contentPart>
        </mc:Choice>
        <mc:Fallback xmlns="">
          <p:pic>
            <p:nvPicPr>
              <p:cNvPr id="38" name="Ink 37">
                <a:extLst>
                  <a:ext uri="{FF2B5EF4-FFF2-40B4-BE49-F238E27FC236}">
                    <a16:creationId xmlns:a16="http://schemas.microsoft.com/office/drawing/2014/main" id="{F688612D-A400-AAF5-5B1D-0CA682E139DA}"/>
                  </a:ext>
                </a:extLst>
              </p:cNvPr>
              <p:cNvPicPr/>
              <p:nvPr/>
            </p:nvPicPr>
            <p:blipFill>
              <a:blip r:embed="rId14"/>
              <a:stretch>
                <a:fillRect/>
              </a:stretch>
            </p:blipFill>
            <p:spPr>
              <a:xfrm>
                <a:off x="8933832" y="3532704"/>
                <a:ext cx="21600" cy="73080"/>
              </a:xfrm>
              <a:prstGeom prst="rect">
                <a:avLst/>
              </a:prstGeom>
            </p:spPr>
          </p:pic>
        </mc:Fallback>
      </mc:AlternateContent>
      <p:grpSp>
        <p:nvGrpSpPr>
          <p:cNvPr id="46" name="Group 45">
            <a:extLst>
              <a:ext uri="{FF2B5EF4-FFF2-40B4-BE49-F238E27FC236}">
                <a16:creationId xmlns:a16="http://schemas.microsoft.com/office/drawing/2014/main" id="{E776D594-DB4F-B52D-A2B7-F456BE496F20}"/>
              </a:ext>
            </a:extLst>
          </p:cNvPr>
          <p:cNvGrpSpPr/>
          <p:nvPr/>
        </p:nvGrpSpPr>
        <p:grpSpPr>
          <a:xfrm>
            <a:off x="8942832" y="3681744"/>
            <a:ext cx="282240" cy="49320"/>
            <a:chOff x="8942832" y="3681744"/>
            <a:chExt cx="282240" cy="49320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15">
              <p14:nvContentPartPr>
                <p14:cNvPr id="39" name="Ink 38">
                  <a:extLst>
                    <a:ext uri="{FF2B5EF4-FFF2-40B4-BE49-F238E27FC236}">
                      <a16:creationId xmlns:a16="http://schemas.microsoft.com/office/drawing/2014/main" id="{6C8CC6B1-36C1-3267-6E67-0B44189F9DA4}"/>
                    </a:ext>
                  </a:extLst>
                </p14:cNvPr>
                <p14:cNvContentPartPr/>
                <p14:nvPr/>
              </p14:nvContentPartPr>
              <p14:xfrm>
                <a:off x="8942832" y="3681744"/>
                <a:ext cx="48240" cy="22320"/>
              </p14:xfrm>
            </p:contentPart>
          </mc:Choice>
          <mc:Fallback xmlns="">
            <p:pic>
              <p:nvPicPr>
                <p:cNvPr id="39" name="Ink 38">
                  <a:extLst>
                    <a:ext uri="{FF2B5EF4-FFF2-40B4-BE49-F238E27FC236}">
                      <a16:creationId xmlns:a16="http://schemas.microsoft.com/office/drawing/2014/main" id="{6C8CC6B1-36C1-3267-6E67-0B44189F9DA4}"/>
                    </a:ext>
                  </a:extLst>
                </p:cNvPr>
                <p:cNvPicPr/>
                <p:nvPr/>
              </p:nvPicPr>
              <p:blipFill>
                <a:blip r:embed="rId16"/>
                <a:stretch>
                  <a:fillRect/>
                </a:stretch>
              </p:blipFill>
              <p:spPr>
                <a:xfrm>
                  <a:off x="8933832" y="3672744"/>
                  <a:ext cx="65880" cy="399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17">
              <p14:nvContentPartPr>
                <p14:cNvPr id="40" name="Ink 39">
                  <a:extLst>
                    <a:ext uri="{FF2B5EF4-FFF2-40B4-BE49-F238E27FC236}">
                      <a16:creationId xmlns:a16="http://schemas.microsoft.com/office/drawing/2014/main" id="{2BF2A396-181E-C92F-0C8D-F4BB2FDD157D}"/>
                    </a:ext>
                  </a:extLst>
                </p14:cNvPr>
                <p14:cNvContentPartPr/>
                <p14:nvPr/>
              </p14:nvContentPartPr>
              <p14:xfrm>
                <a:off x="9033912" y="3724584"/>
                <a:ext cx="191160" cy="6480"/>
              </p14:xfrm>
            </p:contentPart>
          </mc:Choice>
          <mc:Fallback xmlns="">
            <p:pic>
              <p:nvPicPr>
                <p:cNvPr id="40" name="Ink 39">
                  <a:extLst>
                    <a:ext uri="{FF2B5EF4-FFF2-40B4-BE49-F238E27FC236}">
                      <a16:creationId xmlns:a16="http://schemas.microsoft.com/office/drawing/2014/main" id="{2BF2A396-181E-C92F-0C8D-F4BB2FDD157D}"/>
                    </a:ext>
                  </a:extLst>
                </p:cNvPr>
                <p:cNvPicPr/>
                <p:nvPr/>
              </p:nvPicPr>
              <p:blipFill>
                <a:blip r:embed="rId18"/>
                <a:stretch>
                  <a:fillRect/>
                </a:stretch>
              </p:blipFill>
              <p:spPr>
                <a:xfrm>
                  <a:off x="9024895" y="3715584"/>
                  <a:ext cx="208833" cy="2412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 xmlns:p14="http://schemas.microsoft.com/office/powerpoint/2010/main">
        <mc:Choice Requires="p14">
          <p:contentPart p14:bwMode="auto" r:id="rId19">
            <p14:nvContentPartPr>
              <p14:cNvPr id="41" name="Ink 40">
                <a:extLst>
                  <a:ext uri="{FF2B5EF4-FFF2-40B4-BE49-F238E27FC236}">
                    <a16:creationId xmlns:a16="http://schemas.microsoft.com/office/drawing/2014/main" id="{C40523E0-3F3C-725D-5103-2473CAD5426D}"/>
                  </a:ext>
                </a:extLst>
              </p14:cNvPr>
              <p14:cNvContentPartPr/>
              <p14:nvPr/>
            </p14:nvContentPartPr>
            <p14:xfrm>
              <a:off x="9284112" y="3602544"/>
              <a:ext cx="360" cy="73800"/>
            </p14:xfrm>
          </p:contentPart>
        </mc:Choice>
        <mc:Fallback xmlns="">
          <p:pic>
            <p:nvPicPr>
              <p:cNvPr id="41" name="Ink 40">
                <a:extLst>
                  <a:ext uri="{FF2B5EF4-FFF2-40B4-BE49-F238E27FC236}">
                    <a16:creationId xmlns:a16="http://schemas.microsoft.com/office/drawing/2014/main" id="{C40523E0-3F3C-725D-5103-2473CAD5426D}"/>
                  </a:ext>
                </a:extLst>
              </p:cNvPr>
              <p:cNvPicPr/>
              <p:nvPr/>
            </p:nvPicPr>
            <p:blipFill>
              <a:blip r:embed="rId20"/>
              <a:stretch>
                <a:fillRect/>
              </a:stretch>
            </p:blipFill>
            <p:spPr>
              <a:xfrm>
                <a:off x="9275112" y="3593544"/>
                <a:ext cx="18000" cy="91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1">
            <p14:nvContentPartPr>
              <p14:cNvPr id="42" name="Ink 41">
                <a:extLst>
                  <a:ext uri="{FF2B5EF4-FFF2-40B4-BE49-F238E27FC236}">
                    <a16:creationId xmlns:a16="http://schemas.microsoft.com/office/drawing/2014/main" id="{ACEE5A33-6850-52AC-FFC8-D18AE64579D0}"/>
                  </a:ext>
                </a:extLst>
              </p14:cNvPr>
              <p14:cNvContentPartPr/>
              <p14:nvPr/>
            </p14:nvContentPartPr>
            <p14:xfrm>
              <a:off x="9284112" y="3524064"/>
              <a:ext cx="360" cy="29880"/>
            </p14:xfrm>
          </p:contentPart>
        </mc:Choice>
        <mc:Fallback xmlns="">
          <p:pic>
            <p:nvPicPr>
              <p:cNvPr id="42" name="Ink 41">
                <a:extLst>
                  <a:ext uri="{FF2B5EF4-FFF2-40B4-BE49-F238E27FC236}">
                    <a16:creationId xmlns:a16="http://schemas.microsoft.com/office/drawing/2014/main" id="{ACEE5A33-6850-52AC-FFC8-D18AE64579D0}"/>
                  </a:ext>
                </a:extLst>
              </p:cNvPr>
              <p:cNvPicPr/>
              <p:nvPr/>
            </p:nvPicPr>
            <p:blipFill>
              <a:blip r:embed="rId22"/>
              <a:stretch>
                <a:fillRect/>
              </a:stretch>
            </p:blipFill>
            <p:spPr>
              <a:xfrm>
                <a:off x="9275112" y="3515064"/>
                <a:ext cx="18000" cy="47520"/>
              </a:xfrm>
              <a:prstGeom prst="rect">
                <a:avLst/>
              </a:prstGeom>
            </p:spPr>
          </p:pic>
        </mc:Fallback>
      </mc:AlternateContent>
      <p:grpSp>
        <p:nvGrpSpPr>
          <p:cNvPr id="48" name="Group 47">
            <a:extLst>
              <a:ext uri="{FF2B5EF4-FFF2-40B4-BE49-F238E27FC236}">
                <a16:creationId xmlns:a16="http://schemas.microsoft.com/office/drawing/2014/main" id="{84D5358D-D8FE-AC9A-3240-8DDCAA9C1CBB}"/>
              </a:ext>
            </a:extLst>
          </p:cNvPr>
          <p:cNvGrpSpPr/>
          <p:nvPr/>
        </p:nvGrpSpPr>
        <p:grpSpPr>
          <a:xfrm>
            <a:off x="9150192" y="3438024"/>
            <a:ext cx="115920" cy="42840"/>
            <a:chOff x="9150192" y="3438024"/>
            <a:chExt cx="115920" cy="42840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23">
              <p14:nvContentPartPr>
                <p14:cNvPr id="34" name="Ink 33">
                  <a:extLst>
                    <a:ext uri="{FF2B5EF4-FFF2-40B4-BE49-F238E27FC236}">
                      <a16:creationId xmlns:a16="http://schemas.microsoft.com/office/drawing/2014/main" id="{DB59E945-A435-B1A2-F23E-FC1C39098E9A}"/>
                    </a:ext>
                  </a:extLst>
                </p14:cNvPr>
                <p14:cNvContentPartPr/>
                <p14:nvPr/>
              </p14:nvContentPartPr>
              <p14:xfrm>
                <a:off x="9150192" y="3438024"/>
                <a:ext cx="360" cy="360"/>
              </p14:xfrm>
            </p:contentPart>
          </mc:Choice>
          <mc:Fallback xmlns="">
            <p:pic>
              <p:nvPicPr>
                <p:cNvPr id="34" name="Ink 33">
                  <a:extLst>
                    <a:ext uri="{FF2B5EF4-FFF2-40B4-BE49-F238E27FC236}">
                      <a16:creationId xmlns:a16="http://schemas.microsoft.com/office/drawing/2014/main" id="{DB59E945-A435-B1A2-F23E-FC1C39098E9A}"/>
                    </a:ext>
                  </a:extLst>
                </p:cNvPr>
                <p:cNvPicPr/>
                <p:nvPr/>
              </p:nvPicPr>
              <p:blipFill>
                <a:blip r:embed="rId9"/>
                <a:stretch>
                  <a:fillRect/>
                </a:stretch>
              </p:blipFill>
              <p:spPr>
                <a:xfrm>
                  <a:off x="9141192" y="3429024"/>
                  <a:ext cx="18000" cy="180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24">
              <p14:nvContentPartPr>
                <p14:cNvPr id="43" name="Ink 42">
                  <a:extLst>
                    <a:ext uri="{FF2B5EF4-FFF2-40B4-BE49-F238E27FC236}">
                      <a16:creationId xmlns:a16="http://schemas.microsoft.com/office/drawing/2014/main" id="{30EABEB5-C4C7-5306-250E-527527AE2B21}"/>
                    </a:ext>
                  </a:extLst>
                </p14:cNvPr>
                <p14:cNvContentPartPr/>
                <p14:nvPr/>
              </p14:nvContentPartPr>
              <p14:xfrm>
                <a:off x="9202752" y="3447744"/>
                <a:ext cx="63360" cy="33120"/>
              </p14:xfrm>
            </p:contentPart>
          </mc:Choice>
          <mc:Fallback xmlns="">
            <p:pic>
              <p:nvPicPr>
                <p:cNvPr id="43" name="Ink 42">
                  <a:extLst>
                    <a:ext uri="{FF2B5EF4-FFF2-40B4-BE49-F238E27FC236}">
                      <a16:creationId xmlns:a16="http://schemas.microsoft.com/office/drawing/2014/main" id="{30EABEB5-C4C7-5306-250E-527527AE2B21}"/>
                    </a:ext>
                  </a:extLst>
                </p:cNvPr>
                <p:cNvPicPr/>
                <p:nvPr/>
              </p:nvPicPr>
              <p:blipFill>
                <a:blip r:embed="rId25"/>
                <a:stretch>
                  <a:fillRect/>
                </a:stretch>
              </p:blipFill>
              <p:spPr>
                <a:xfrm>
                  <a:off x="9193803" y="3438744"/>
                  <a:ext cx="80900" cy="50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26">
              <p14:nvContentPartPr>
                <p14:cNvPr id="44" name="Ink 43">
                  <a:extLst>
                    <a:ext uri="{FF2B5EF4-FFF2-40B4-BE49-F238E27FC236}">
                      <a16:creationId xmlns:a16="http://schemas.microsoft.com/office/drawing/2014/main" id="{0DD7116A-7D4A-560B-2A37-0C56895E4AAA}"/>
                    </a:ext>
                  </a:extLst>
                </p14:cNvPr>
                <p14:cNvContentPartPr/>
                <p14:nvPr/>
              </p14:nvContentPartPr>
              <p14:xfrm>
                <a:off x="9162072" y="3443784"/>
                <a:ext cx="360" cy="360"/>
              </p14:xfrm>
            </p:contentPart>
          </mc:Choice>
          <mc:Fallback xmlns="">
            <p:pic>
              <p:nvPicPr>
                <p:cNvPr id="44" name="Ink 43">
                  <a:extLst>
                    <a:ext uri="{FF2B5EF4-FFF2-40B4-BE49-F238E27FC236}">
                      <a16:creationId xmlns:a16="http://schemas.microsoft.com/office/drawing/2014/main" id="{0DD7116A-7D4A-560B-2A37-0C56895E4AAA}"/>
                    </a:ext>
                  </a:extLst>
                </p:cNvPr>
                <p:cNvPicPr/>
                <p:nvPr/>
              </p:nvPicPr>
              <p:blipFill>
                <a:blip r:embed="rId9"/>
                <a:stretch>
                  <a:fillRect/>
                </a:stretch>
              </p:blipFill>
              <p:spPr>
                <a:xfrm>
                  <a:off x="9153072" y="3434784"/>
                  <a:ext cx="18000" cy="18000"/>
                </a:xfrm>
                <a:prstGeom prst="rect">
                  <a:avLst/>
                </a:prstGeom>
              </p:spPr>
            </p:pic>
          </mc:Fallback>
        </mc:AlternateContent>
      </p:grpSp>
    </p:spTree>
    <p:extLst>
      <p:ext uri="{BB962C8B-B14F-4D97-AF65-F5344CB8AC3E}">
        <p14:creationId xmlns:p14="http://schemas.microsoft.com/office/powerpoint/2010/main" val="136979114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D749E3F-649B-6CC2-945F-0E42F4462CE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 </a:t>
            </a:r>
            <a:endParaRPr lang="en-GB"/>
          </a:p>
        </p:txBody>
      </p:sp>
      <p:pic>
        <p:nvPicPr>
          <p:cNvPr id="55" name="Picture 55" descr="Diagram, schematic&#10;&#10;Description automatically generated">
            <a:extLst>
              <a:ext uri="{FF2B5EF4-FFF2-40B4-BE49-F238E27FC236}">
                <a16:creationId xmlns:a16="http://schemas.microsoft.com/office/drawing/2014/main" id="{9C56C23C-3CE8-4F94-1D7B-BE5FED16CE2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tretch>
            <a:fillRect/>
          </a:stretch>
        </p:blipFill>
        <p:spPr>
          <a:xfrm>
            <a:off x="9757627" y="161425"/>
            <a:ext cx="2288447" cy="1727059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0E6D365-DA4F-4D96-2B77-558AA5AC802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3276299-C597-42C3-BB02-93935D7D068C}"/>
              </a:ext>
            </a:extLst>
          </p:cNvPr>
          <p:cNvSpPr txBox="1"/>
          <p:nvPr/>
        </p:nvSpPr>
        <p:spPr>
          <a:xfrm>
            <a:off x="10734567" y="1090122"/>
            <a:ext cx="349998" cy="161583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050">
                <a:latin typeface="+mn-lt"/>
                <a:ea typeface="ＭＳ Ｐゴシック"/>
              </a:rPr>
              <a:t>3.3</a:t>
            </a:r>
            <a:endParaRPr lang="en-GB" err="1">
              <a:latin typeface="+mn-lt"/>
            </a:endParaRPr>
          </a:p>
        </p:txBody>
      </p:sp>
      <p:sp>
        <p:nvSpPr>
          <p:cNvPr id="8" name="Rektangel: rundade hörn 8">
            <a:extLst>
              <a:ext uri="{FF2B5EF4-FFF2-40B4-BE49-F238E27FC236}">
                <a16:creationId xmlns:a16="http://schemas.microsoft.com/office/drawing/2014/main" id="{DE86686C-4CE7-D940-545A-790F8FA1DC7E}"/>
              </a:ext>
            </a:extLst>
          </p:cNvPr>
          <p:cNvSpPr/>
          <p:nvPr/>
        </p:nvSpPr>
        <p:spPr bwMode="auto">
          <a:xfrm>
            <a:off x="2491451" y="725179"/>
            <a:ext cx="6757656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Rektangel: rundade hörn 8">
            <a:extLst>
              <a:ext uri="{FF2B5EF4-FFF2-40B4-BE49-F238E27FC236}">
                <a16:creationId xmlns:a16="http://schemas.microsoft.com/office/drawing/2014/main" id="{D7F1E00B-9993-05F1-A76F-361F84DE5C65}"/>
              </a:ext>
            </a:extLst>
          </p:cNvPr>
          <p:cNvSpPr/>
          <p:nvPr/>
        </p:nvSpPr>
        <p:spPr bwMode="auto">
          <a:xfrm>
            <a:off x="2944368" y="725179"/>
            <a:ext cx="5897880" cy="72512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sv-SE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</a:endParaRPr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75E76851-AA44-C507-027E-96A0A13F5782}"/>
              </a:ext>
            </a:extLst>
          </p:cNvPr>
          <p:cNvSpPr txBox="1">
            <a:spLocks/>
          </p:cNvSpPr>
          <p:nvPr/>
        </p:nvSpPr>
        <p:spPr bwMode="auto">
          <a:xfrm>
            <a:off x="2480971" y="426127"/>
            <a:ext cx="6763750" cy="94199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kern="0">
                <a:solidFill>
                  <a:schemeClr val="bg1"/>
                </a:solidFill>
                <a:cs typeface="Arial"/>
              </a:rPr>
              <a:t>Excited-state emission </a:t>
            </a:r>
            <a:endParaRPr lang="en-GB" kern="0">
              <a:solidFill>
                <a:schemeClr val="bg1"/>
              </a:solidFill>
            </a:endParaRPr>
          </a:p>
        </p:txBody>
      </p:sp>
      <p:graphicFrame>
        <p:nvGraphicFramePr>
          <p:cNvPr id="5" name="Diagram 4">
            <a:extLst>
              <a:ext uri="{FF2B5EF4-FFF2-40B4-BE49-F238E27FC236}">
                <a16:creationId xmlns:a16="http://schemas.microsoft.com/office/drawing/2014/main" id="{F32629CB-2216-5CD8-3997-79D2BAEAA5A1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611422652"/>
              </p:ext>
            </p:extLst>
          </p:nvPr>
        </p:nvGraphicFramePr>
        <p:xfrm>
          <a:off x="4465603" y="158783"/>
          <a:ext cx="3259206" cy="47325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pic>
        <p:nvPicPr>
          <p:cNvPr id="11" name="Bildobjekt 11">
            <a:extLst>
              <a:ext uri="{FF2B5EF4-FFF2-40B4-BE49-F238E27FC236}">
                <a16:creationId xmlns:a16="http://schemas.microsoft.com/office/drawing/2014/main" id="{7B2CFD9F-0851-F436-A167-8D4F094A4ED6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726581" y="4234989"/>
            <a:ext cx="5442706" cy="2180834"/>
          </a:xfrm>
          <a:prstGeom prst="rect">
            <a:avLst/>
          </a:prstGeom>
        </p:spPr>
      </p:pic>
      <p:pic>
        <p:nvPicPr>
          <p:cNvPr id="12" name="Bildobjekt 12">
            <a:extLst>
              <a:ext uri="{FF2B5EF4-FFF2-40B4-BE49-F238E27FC236}">
                <a16:creationId xmlns:a16="http://schemas.microsoft.com/office/drawing/2014/main" id="{0114416B-D152-4A43-1771-D0B9A4C5217B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836019" y="1664670"/>
            <a:ext cx="5223829" cy="2588696"/>
          </a:xfrm>
          <a:prstGeom prst="rect">
            <a:avLst/>
          </a:prstGeom>
        </p:spPr>
      </p:pic>
      <p:sp>
        <p:nvSpPr>
          <p:cNvPr id="19" name="textruta 18">
            <a:extLst>
              <a:ext uri="{FF2B5EF4-FFF2-40B4-BE49-F238E27FC236}">
                <a16:creationId xmlns:a16="http://schemas.microsoft.com/office/drawing/2014/main" id="{E3573A87-19A5-0FC7-9324-AA41F6C20BE1}"/>
              </a:ext>
            </a:extLst>
          </p:cNvPr>
          <p:cNvSpPr txBox="1"/>
          <p:nvPr/>
        </p:nvSpPr>
        <p:spPr>
          <a:xfrm>
            <a:off x="6316106" y="4022484"/>
            <a:ext cx="5042647" cy="54373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ea typeface="Verdana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  <p:sp>
        <p:nvSpPr>
          <p:cNvPr id="24" name="textruta 23">
            <a:extLst>
              <a:ext uri="{FF2B5EF4-FFF2-40B4-BE49-F238E27FC236}">
                <a16:creationId xmlns:a16="http://schemas.microsoft.com/office/drawing/2014/main" id="{FE69AAC1-C4BA-4E80-C978-AE8846FDD692}"/>
              </a:ext>
            </a:extLst>
          </p:cNvPr>
          <p:cNvSpPr txBox="1"/>
          <p:nvPr/>
        </p:nvSpPr>
        <p:spPr>
          <a:xfrm>
            <a:off x="6316105" y="2246331"/>
            <a:ext cx="5208128" cy="525272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 b="1">
                <a:latin typeface="Arial"/>
                <a:ea typeface="Verdana"/>
                <a:cs typeface="Arial"/>
              </a:rPr>
              <a:t>2TN- TCNQ</a:t>
            </a:r>
            <a:r>
              <a:rPr lang="sv-SE">
                <a:latin typeface="Arial"/>
                <a:ea typeface="Verdana"/>
                <a:cs typeface="Arial"/>
              </a:rPr>
              <a:t> least overlap</a:t>
            </a:r>
            <a:endParaRPr lang="en-US">
              <a:latin typeface="Verdana"/>
              <a:ea typeface="Verdana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,Sans-Serif"/>
              <a:buChar char="•"/>
            </a:pPr>
            <a:r>
              <a:rPr lang="sv-SE">
                <a:latin typeface="Arial"/>
                <a:ea typeface="Verdana"/>
                <a:cs typeface="Arial"/>
              </a:rPr>
              <a:t>More losses due to vibrational relaxation </a:t>
            </a:r>
            <a:endParaRPr lang="sv-SE">
              <a:latin typeface="Verdana"/>
              <a:ea typeface="Verdana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,Sans-Serif"/>
              <a:buChar char="•"/>
            </a:pPr>
            <a:r>
              <a:rPr lang="sv-SE">
                <a:latin typeface="Arial"/>
                <a:ea typeface="Verdana"/>
                <a:cs typeface="Arial"/>
              </a:rPr>
              <a:t>Larger stokes shift, more losses</a:t>
            </a:r>
          </a:p>
          <a:p>
            <a:pPr>
              <a:spcBef>
                <a:spcPts val="432"/>
              </a:spcBef>
            </a:pPr>
            <a:endParaRPr lang="sv-SE" b="1">
              <a:latin typeface="Arial"/>
              <a:ea typeface="Verdana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 b="1">
              <a:latin typeface="Arial"/>
              <a:ea typeface="Verdana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 b="1">
              <a:latin typeface="Arial"/>
              <a:ea typeface="Verdana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 b="1">
              <a:latin typeface="Arial"/>
              <a:ea typeface="Verdana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 b="1">
                <a:latin typeface="Arial"/>
                <a:ea typeface="Verdana"/>
                <a:cs typeface="Arial"/>
              </a:rPr>
              <a:t>2TA-TCNE</a:t>
            </a:r>
            <a:r>
              <a:rPr lang="sv-SE">
                <a:latin typeface="Arial"/>
                <a:ea typeface="Verdana"/>
                <a:cs typeface="Arial"/>
              </a:rPr>
              <a:t> has the greatest overlap</a:t>
            </a:r>
            <a:endParaRPr lang="sv-SE"/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Arial"/>
                <a:ea typeface="Verdana"/>
                <a:cs typeface="Arial"/>
              </a:rPr>
              <a:t>Transfer energy more easily via the Förster mechanism </a:t>
            </a:r>
            <a:endParaRPr lang="sv-SE">
              <a:latin typeface="Arial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r>
              <a:rPr lang="sv-SE">
                <a:latin typeface="Arial"/>
                <a:ea typeface="ＭＳ Ｐゴシック"/>
                <a:cs typeface="Arial"/>
              </a:rPr>
              <a:t>Excitation diffusion without mass transfer</a:t>
            </a:r>
            <a:endParaRPr lang="sv-SE">
              <a:latin typeface="Arial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,Sans-Serif"/>
              <a:buChar char="•"/>
            </a:pPr>
            <a:endParaRPr lang="sv-SE">
              <a:latin typeface="Arial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,Sans-Serif"/>
              <a:buChar char="•"/>
            </a:pPr>
            <a:endParaRPr lang="sv-SE">
              <a:latin typeface="+mn-lt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/>
              <a:buChar char="•"/>
            </a:pPr>
            <a:endParaRPr lang="sv-SE">
              <a:latin typeface="+mn-lt"/>
              <a:cs typeface="Arial"/>
            </a:endParaRPr>
          </a:p>
          <a:p>
            <a:pPr>
              <a:spcBef>
                <a:spcPts val="432"/>
              </a:spcBef>
            </a:pPr>
            <a:endParaRPr lang="sv-SE">
              <a:latin typeface="+mn-lt"/>
              <a:cs typeface="Arial"/>
            </a:endParaRPr>
          </a:p>
        </p:txBody>
      </p:sp>
      <p:pic>
        <p:nvPicPr>
          <p:cNvPr id="33" name="Bildobjekt 33">
            <a:extLst>
              <a:ext uri="{FF2B5EF4-FFF2-40B4-BE49-F238E27FC236}">
                <a16:creationId xmlns:a16="http://schemas.microsoft.com/office/drawing/2014/main" id="{59FC1A32-1CB7-735F-BEEC-D0FB50B7B243}"/>
              </a:ext>
            </a:extLst>
          </p:cNvPr>
          <p:cNvPicPr>
            <a:picLocks noChangeAspect="1"/>
          </p:cNvPicPr>
          <p:nvPr/>
        </p:nvPicPr>
        <p:blipFill rotWithShape="1">
          <a:blip r:embed="rId11"/>
          <a:srcRect r="3273" b="394"/>
          <a:stretch/>
        </p:blipFill>
        <p:spPr>
          <a:xfrm>
            <a:off x="558567" y="2199689"/>
            <a:ext cx="419846" cy="111440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3317005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type":"shape","id":"d83eb329-6f3f-4e84-875b-22890cbe52b3","elementConfiguration":{"binding":"UserProfile.Offices.Workarea_{{DocumentLanguage}}","disableUpdates":false,"type":"text"}},{"type":"shape","id":"1167196c-97e0-471a-8609-9a271d794e0e","elementConfiguration":{"format":"{{DateFormats.GeneralDate}}","binding":"Form.Date","disableUpdates":false,"type":"date"}},{"type":"shape","id":"93183b9a-a0f4-4d9a-800c-5911d85eba2f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MXo2jYcE9jqin+KCP9w91A=="}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6F52B397E11A94F85CC1B699D1FC3F8" ma:contentTypeVersion="2" ma:contentTypeDescription="Opret et nyt dokument." ma:contentTypeScope="" ma:versionID="7d60be6987c95b5b3bfd808361959b3c">
  <xsd:schema xmlns:xsd="http://www.w3.org/2001/XMLSchema" xmlns:xs="http://www.w3.org/2001/XMLSchema" xmlns:p="http://schemas.microsoft.com/office/2006/metadata/properties" xmlns:ns2="e15c759e-c422-4d6a-805a-c156c3256987" targetNamespace="http://schemas.microsoft.com/office/2006/metadata/properties" ma:root="true" ma:fieldsID="b4d92aa5e3dd28c158df2ffbd539cc9a" ns2:_="">
    <xsd:import namespace="e15c759e-c422-4d6a-805a-c156c325698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15c759e-c422-4d6a-805a-c156c325698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9587AFF5-BFB0-40A3-85CA-ADEED7540807}">
  <ds:schemaRefs/>
</ds:datastoreItem>
</file>

<file path=customXml/itemProps10.xml><?xml version="1.0" encoding="utf-8"?>
<ds:datastoreItem xmlns:ds="http://schemas.openxmlformats.org/officeDocument/2006/customXml" ds:itemID="{1680B9DC-2D51-4402-BB2C-B8DE0C5AC522}">
  <ds:schemaRefs/>
</ds:datastoreItem>
</file>

<file path=customXml/itemProps11.xml><?xml version="1.0" encoding="utf-8"?>
<ds:datastoreItem xmlns:ds="http://schemas.openxmlformats.org/officeDocument/2006/customXml" ds:itemID="{6B8AD017-B053-4E30-93B9-B28A44CEC3A4}">
  <ds:schemaRefs/>
</ds:datastoreItem>
</file>

<file path=customXml/itemProps2.xml><?xml version="1.0" encoding="utf-8"?>
<ds:datastoreItem xmlns:ds="http://schemas.openxmlformats.org/officeDocument/2006/customXml" ds:itemID="{5DEE4BEE-00BA-4E32-BD26-AF535B50AC95}">
  <ds:schemaRefs/>
</ds:datastoreItem>
</file>

<file path=customXml/itemProps3.xml><?xml version="1.0" encoding="utf-8"?>
<ds:datastoreItem xmlns:ds="http://schemas.openxmlformats.org/officeDocument/2006/customXml" ds:itemID="{620EF16B-048A-4A5D-9C4F-23781A20C9D6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9B5D2B20-8622-411E-9A4A-D4A72E9605AF}">
  <ds:schemaRefs>
    <ds:schemaRef ds:uri="http://purl.org/dc/dcmitype/"/>
    <ds:schemaRef ds:uri="http://schemas.openxmlformats.org/package/2006/metadata/core-properties"/>
    <ds:schemaRef ds:uri="http://schemas.microsoft.com/office/2006/metadata/properties"/>
    <ds:schemaRef ds:uri="http://purl.org/dc/terms/"/>
    <ds:schemaRef ds:uri="e15c759e-c422-4d6a-805a-c156c3256987"/>
    <ds:schemaRef ds:uri="http://schemas.microsoft.com/office/infopath/2007/PartnerControls"/>
    <ds:schemaRef ds:uri="http://schemas.microsoft.com/office/2006/documentManagement/types"/>
    <ds:schemaRef ds:uri="http://www.w3.org/XML/1998/namespace"/>
    <ds:schemaRef ds:uri="http://purl.org/dc/elements/1.1/"/>
  </ds:schemaRefs>
</ds:datastoreItem>
</file>

<file path=customXml/itemProps7.xml><?xml version="1.0" encoding="utf-8"?>
<ds:datastoreItem xmlns:ds="http://schemas.openxmlformats.org/officeDocument/2006/customXml" ds:itemID="{935F95A2-AD55-417F-AAD9-FB1D0A1F3BA4}">
  <ds:schemaRefs>
    <ds:schemaRef ds:uri="e15c759e-c422-4d6a-805a-c156c3256987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8.xml><?xml version="1.0" encoding="utf-8"?>
<ds:datastoreItem xmlns:ds="http://schemas.openxmlformats.org/officeDocument/2006/customXml" ds:itemID="{CA9FC985-930B-40D4-827F-9FAC5D35EA8C}">
  <ds:schemaRefs/>
</ds:datastoreItem>
</file>

<file path=customXml/itemProps9.xml><?xml version="1.0" encoding="utf-8"?>
<ds:datastoreItem xmlns:ds="http://schemas.openxmlformats.org/officeDocument/2006/customXml" ds:itemID="{D27AE696-61B6-4B19-9CED-6F2A3F244FE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rganic Redox (Flow) Battery</Template>
  <TotalTime>0</TotalTime>
  <Words>519</Words>
  <Application>Microsoft Office PowerPoint</Application>
  <PresentationFormat>Custom</PresentationFormat>
  <Paragraphs>146</Paragraphs>
  <Slides>12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8" baseType="lpstr">
      <vt:lpstr>Arial</vt:lpstr>
      <vt:lpstr>Arial,Sans-Serif</vt:lpstr>
      <vt:lpstr>Calibri</vt:lpstr>
      <vt:lpstr>Cambria Math</vt:lpstr>
      <vt:lpstr>Verdana</vt:lpstr>
      <vt:lpstr>Blank</vt:lpstr>
      <vt:lpstr>Excited States of  Donor-Acceptor Materials</vt:lpstr>
      <vt:lpstr>Introduction</vt:lpstr>
      <vt:lpstr>PowerPoint Presentation</vt:lpstr>
      <vt:lpstr>PowerPoint Presentation</vt:lpstr>
      <vt:lpstr>PowerPoint Presentation</vt:lpstr>
      <vt:lpstr>Ground-state  electronic structure</vt:lpstr>
      <vt:lpstr>Absorption</vt:lpstr>
      <vt:lpstr>Excited-state geometry optimization  &amp; electronic structure </vt:lpstr>
      <vt:lpstr> </vt:lpstr>
      <vt:lpstr>PowerPoint Presentation</vt:lpstr>
      <vt:lpstr> 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xcited States of  Donor-Acceptor Materials</dc:title>
  <dc:creator>Nikolas Vitaliti</dc:creator>
  <cp:lastModifiedBy>Nikolas Vitaliti</cp:lastModifiedBy>
  <cp:revision>3</cp:revision>
  <dcterms:created xsi:type="dcterms:W3CDTF">2022-12-14T15:06:49Z</dcterms:created>
  <dcterms:modified xsi:type="dcterms:W3CDTF">2023-01-24T09:44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11863668052109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E6F52B397E11A94F85CC1B699D1FC3F8</vt:lpwstr>
  </property>
</Properties>
</file>